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2章 人口\02公表用（改定有）\"/>
    </mc:Choice>
  </mc:AlternateContent>
  <xr:revisionPtr revIDLastSave="0" documentId="13_ncr:1_{49D269D4-70CF-4EC5-9A97-05A6150275E0}" xr6:coauthVersionLast="44" xr6:coauthVersionMax="44" xr10:uidLastSave="{00000000-0000-0000-0000-000000000000}"/>
  <bookViews>
    <workbookView xWindow="-108" yWindow="-108" windowWidth="23256" windowHeight="12576" tabRatio="650" xr2:uid="{00000000-000D-0000-FFFF-FFFF00000000}"/>
  </bookViews>
  <sheets>
    <sheet name="７　地区別５歳階級男女別人口" sheetId="47" r:id="rId1"/>
  </sheets>
  <definedNames>
    <definedName name="_xlnm.Print_Area" localSheetId="0">'７　地区別５歳階級男女別人口'!$A$1:$M$111</definedName>
    <definedName name="Q_エクスポート女" localSheetId="0">#REF!</definedName>
    <definedName name="Q_エクスポート女">#REF!</definedName>
    <definedName name="Q_エクスポート男" localSheetId="0">#REF!</definedName>
    <definedName name="Q_エクスポート男">#REF!</definedName>
    <definedName name="エクスポートデータ" localSheetId="0">#REF!</definedName>
    <definedName name="エクスポートデータ">#REF!</definedName>
    <definedName name="浜益区" localSheetId="0">#REF!</definedName>
    <definedName name="浜益区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52" uniqueCount="59">
  <si>
    <t>男</t>
    <rPh sb="0" eb="1">
      <t>オトコ</t>
    </rPh>
    <phoneticPr fontId="2"/>
  </si>
  <si>
    <t>女</t>
    <rPh sb="0" eb="1">
      <t>オンナ</t>
    </rPh>
    <phoneticPr fontId="2"/>
  </si>
  <si>
    <t>北生振・美登位</t>
    <rPh sb="0" eb="1">
      <t>キタ</t>
    </rPh>
    <rPh sb="1" eb="3">
      <t>オヤフル</t>
    </rPh>
    <rPh sb="4" eb="5">
      <t>ビ</t>
    </rPh>
    <rPh sb="5" eb="6">
      <t>ノボ</t>
    </rPh>
    <rPh sb="6" eb="7">
      <t>イ</t>
    </rPh>
    <phoneticPr fontId="2"/>
  </si>
  <si>
    <t xml:space="preserve"> 10～14</t>
    <phoneticPr fontId="2"/>
  </si>
  <si>
    <t>　0～ 4歳</t>
    <rPh sb="5" eb="6">
      <t>サイ</t>
    </rPh>
    <phoneticPr fontId="2"/>
  </si>
  <si>
    <t>生産年齢人口
（15～64歳）</t>
    <rPh sb="0" eb="2">
      <t>セイサン</t>
    </rPh>
    <rPh sb="2" eb="4">
      <t>ネンレイ</t>
    </rPh>
    <rPh sb="4" eb="6">
      <t>ジンコウ</t>
    </rPh>
    <rPh sb="13" eb="14">
      <t>サイ</t>
    </rPh>
    <phoneticPr fontId="2"/>
  </si>
  <si>
    <t xml:space="preserve"> 15～19歳</t>
    <rPh sb="6" eb="7">
      <t>サイ</t>
    </rPh>
    <phoneticPr fontId="2"/>
  </si>
  <si>
    <t xml:space="preserve"> 20～24</t>
    <phoneticPr fontId="2"/>
  </si>
  <si>
    <t xml:space="preserve"> 25～29</t>
    <phoneticPr fontId="2"/>
  </si>
  <si>
    <t xml:space="preserve"> 35～39</t>
    <phoneticPr fontId="2"/>
  </si>
  <si>
    <t xml:space="preserve"> 45～49</t>
    <phoneticPr fontId="2"/>
  </si>
  <si>
    <t xml:space="preserve"> 50～54</t>
    <phoneticPr fontId="2"/>
  </si>
  <si>
    <t xml:space="preserve"> 55～59</t>
    <phoneticPr fontId="2"/>
  </si>
  <si>
    <t>老年人口
（65歳以上）</t>
    <rPh sb="0" eb="2">
      <t>ロウネン</t>
    </rPh>
    <rPh sb="2" eb="4">
      <t>ジンコウ</t>
    </rPh>
    <rPh sb="8" eb="9">
      <t>サイ</t>
    </rPh>
    <rPh sb="9" eb="11">
      <t>イジョウ</t>
    </rPh>
    <phoneticPr fontId="2"/>
  </si>
  <si>
    <t xml:space="preserve"> 65～69歳</t>
    <rPh sb="6" eb="7">
      <t>サイ</t>
    </rPh>
    <phoneticPr fontId="2"/>
  </si>
  <si>
    <t xml:space="preserve"> 70～74</t>
    <phoneticPr fontId="2"/>
  </si>
  <si>
    <t xml:space="preserve"> 75～79</t>
    <phoneticPr fontId="2"/>
  </si>
  <si>
    <t>　80歳以上</t>
    <rPh sb="3" eb="4">
      <t>サイ</t>
    </rPh>
    <rPh sb="4" eb="6">
      <t>イジョウ</t>
    </rPh>
    <phoneticPr fontId="2"/>
  </si>
  <si>
    <t>　総　　数</t>
    <rPh sb="1" eb="2">
      <t>フサ</t>
    </rPh>
    <rPh sb="4" eb="5">
      <t>カズ</t>
    </rPh>
    <phoneticPr fontId="2"/>
  </si>
  <si>
    <t>（５歳階級）</t>
    <rPh sb="2" eb="3">
      <t>サイ</t>
    </rPh>
    <rPh sb="3" eb="5">
      <t>カイキュウ</t>
    </rPh>
    <phoneticPr fontId="2"/>
  </si>
  <si>
    <t>　年　　齢</t>
    <rPh sb="1" eb="2">
      <t>トシ</t>
    </rPh>
    <rPh sb="4" eb="5">
      <t>ヨワイ</t>
    </rPh>
    <phoneticPr fontId="2"/>
  </si>
  <si>
    <t>花　　畔</t>
    <rPh sb="0" eb="1">
      <t>ハナ</t>
    </rPh>
    <rPh sb="3" eb="4">
      <t>アゼ</t>
    </rPh>
    <phoneticPr fontId="2"/>
  </si>
  <si>
    <t>厚　田　区</t>
    <rPh sb="0" eb="1">
      <t>アツシ</t>
    </rPh>
    <rPh sb="2" eb="3">
      <t>タ</t>
    </rPh>
    <rPh sb="4" eb="5">
      <t>ク</t>
    </rPh>
    <phoneticPr fontId="2"/>
  </si>
  <si>
    <t>浜　益　区</t>
    <rPh sb="0" eb="1">
      <t>ハマ</t>
    </rPh>
    <rPh sb="2" eb="3">
      <t>エキ</t>
    </rPh>
    <rPh sb="4" eb="5">
      <t>ク</t>
    </rPh>
    <phoneticPr fontId="2"/>
  </si>
  <si>
    <t>花川東</t>
    <rPh sb="0" eb="1">
      <t>ハナ</t>
    </rPh>
    <rPh sb="1" eb="2">
      <t>カワ</t>
    </rPh>
    <rPh sb="2" eb="3">
      <t>ヒガシ</t>
    </rPh>
    <phoneticPr fontId="2"/>
  </si>
  <si>
    <t>緑苑台</t>
    <rPh sb="0" eb="2">
      <t>ロクエン</t>
    </rPh>
    <rPh sb="2" eb="3">
      <t>ダイ</t>
    </rPh>
    <phoneticPr fontId="2"/>
  </si>
  <si>
    <t>新港</t>
    <rPh sb="0" eb="2">
      <t>シンコウ</t>
    </rPh>
    <phoneticPr fontId="2"/>
  </si>
  <si>
    <t>中生振</t>
    <rPh sb="0" eb="1">
      <t>ナカ</t>
    </rPh>
    <rPh sb="1" eb="2">
      <t>セイ</t>
    </rPh>
    <rPh sb="2" eb="3">
      <t>オサム</t>
    </rPh>
    <phoneticPr fontId="2"/>
  </si>
  <si>
    <t>八幡・高岡・緑ヶ原</t>
    <rPh sb="0" eb="2">
      <t>ハチマン</t>
    </rPh>
    <rPh sb="3" eb="5">
      <t>タカオカ</t>
    </rPh>
    <rPh sb="6" eb="7">
      <t>ミドリ</t>
    </rPh>
    <rPh sb="8" eb="9">
      <t>ハラ</t>
    </rPh>
    <phoneticPr fontId="2"/>
  </si>
  <si>
    <t>７　地区別５歳階級男女別人口（１）</t>
    <rPh sb="2" eb="5">
      <t>チクベツ</t>
    </rPh>
    <rPh sb="6" eb="7">
      <t>サイ</t>
    </rPh>
    <rPh sb="7" eb="9">
      <t>カイキュウ</t>
    </rPh>
    <rPh sb="9" eb="12">
      <t>ダンジョベツ</t>
    </rPh>
    <rPh sb="12" eb="14">
      <t>ジンコウ</t>
    </rPh>
    <phoneticPr fontId="2"/>
  </si>
  <si>
    <t>志美・本町・親船東</t>
    <rPh sb="0" eb="1">
      <t>シ</t>
    </rPh>
    <rPh sb="1" eb="2">
      <t>ミ</t>
    </rPh>
    <rPh sb="3" eb="5">
      <t>ホンマチ</t>
    </rPh>
    <rPh sb="6" eb="9">
      <t>オヤフネヒガシ</t>
    </rPh>
    <phoneticPr fontId="2"/>
  </si>
  <si>
    <t>7　地区別５歳階級男女別人口（２）</t>
    <rPh sb="2" eb="5">
      <t>チクベツ</t>
    </rPh>
    <rPh sb="6" eb="7">
      <t>サイ</t>
    </rPh>
    <rPh sb="7" eb="9">
      <t>カイキュウ</t>
    </rPh>
    <rPh sb="9" eb="12">
      <t>ダンジョベツ</t>
    </rPh>
    <rPh sb="12" eb="14">
      <t>ジンコウ</t>
    </rPh>
    <phoneticPr fontId="2"/>
  </si>
  <si>
    <t>年少人口
（0～１4歳）</t>
    <rPh sb="0" eb="2">
      <t>ネンショウ</t>
    </rPh>
    <rPh sb="2" eb="4">
      <t>ジンコウ</t>
    </rPh>
    <rPh sb="10" eb="11">
      <t>サイ</t>
    </rPh>
    <phoneticPr fontId="2"/>
  </si>
  <si>
    <t>年少人口
（0～14歳）</t>
    <rPh sb="0" eb="2">
      <t>ネンショウ</t>
    </rPh>
    <rPh sb="2" eb="4">
      <t>ジンコウ</t>
    </rPh>
    <rPh sb="10" eb="11">
      <t>サイ</t>
    </rPh>
    <phoneticPr fontId="2"/>
  </si>
  <si>
    <t>総　　　　数</t>
    <rPh sb="0" eb="6">
      <t>ソウスウ</t>
    </rPh>
    <phoneticPr fontId="2"/>
  </si>
  <si>
    <t>花川南・花川</t>
    <rPh sb="0" eb="2">
      <t>ハナカワ</t>
    </rPh>
    <rPh sb="2" eb="3">
      <t>ミナミ</t>
    </rPh>
    <rPh sb="4" eb="6">
      <t>ハナカワ</t>
    </rPh>
    <phoneticPr fontId="2"/>
  </si>
  <si>
    <t>花　　川　　北</t>
    <rPh sb="0" eb="4">
      <t>ハナカワ</t>
    </rPh>
    <rPh sb="6" eb="7">
      <t>キタ</t>
    </rPh>
    <phoneticPr fontId="2"/>
  </si>
  <si>
    <t>計</t>
    <rPh sb="0" eb="1">
      <t>ケイ</t>
    </rPh>
    <phoneticPr fontId="2"/>
  </si>
  <si>
    <t>樽　　　川</t>
    <rPh sb="0" eb="5">
      <t>タルカワ</t>
    </rPh>
    <phoneticPr fontId="2"/>
  </si>
  <si>
    <t>資料　住民基本台帳</t>
    <rPh sb="0" eb="2">
      <t>シリョウ</t>
    </rPh>
    <rPh sb="3" eb="5">
      <t>ジュウミン</t>
    </rPh>
    <rPh sb="5" eb="9">
      <t>キホンダイチョウ</t>
    </rPh>
    <phoneticPr fontId="2"/>
  </si>
  <si>
    <t xml:space="preserve"> 75～79</t>
    <phoneticPr fontId="2"/>
  </si>
  <si>
    <t xml:space="preserve"> 60～64</t>
    <phoneticPr fontId="2"/>
  </si>
  <si>
    <t xml:space="preserve"> 40～44</t>
    <phoneticPr fontId="2"/>
  </si>
  <si>
    <t xml:space="preserve"> 30～34</t>
    <phoneticPr fontId="2"/>
  </si>
  <si>
    <t>　5～ 9</t>
    <phoneticPr fontId="2"/>
  </si>
  <si>
    <t xml:space="preserve"> 75～79</t>
    <phoneticPr fontId="2"/>
  </si>
  <si>
    <t xml:space="preserve"> 70～74</t>
    <phoneticPr fontId="2"/>
  </si>
  <si>
    <t xml:space="preserve"> 60～64</t>
    <phoneticPr fontId="2"/>
  </si>
  <si>
    <t xml:space="preserve"> 55～59</t>
    <phoneticPr fontId="2"/>
  </si>
  <si>
    <t xml:space="preserve"> 50～54</t>
    <phoneticPr fontId="2"/>
  </si>
  <si>
    <t xml:space="preserve"> 45～49</t>
    <phoneticPr fontId="2"/>
  </si>
  <si>
    <t xml:space="preserve"> 40～44</t>
    <phoneticPr fontId="2"/>
  </si>
  <si>
    <t xml:space="preserve"> 35～39</t>
    <phoneticPr fontId="2"/>
  </si>
  <si>
    <t xml:space="preserve"> 30～34</t>
    <phoneticPr fontId="2"/>
  </si>
  <si>
    <t xml:space="preserve"> 25～29</t>
    <phoneticPr fontId="2"/>
  </si>
  <si>
    <t xml:space="preserve"> 20～24</t>
    <phoneticPr fontId="2"/>
  </si>
  <si>
    <t xml:space="preserve"> 10～14</t>
    <phoneticPr fontId="2"/>
  </si>
  <si>
    <t>　5～ 9</t>
    <phoneticPr fontId="2"/>
  </si>
  <si>
    <t>（令和4年10月１日現在　単位：人）</t>
    <rPh sb="1" eb="3">
      <t>レイワ</t>
    </rPh>
    <rPh sb="4" eb="5">
      <t>ネン</t>
    </rPh>
    <rPh sb="7" eb="8">
      <t>ゲツ</t>
    </rPh>
    <rPh sb="9" eb="10">
      <t>ビ</t>
    </rPh>
    <rPh sb="10" eb="12">
      <t>ゲンザイ</t>
    </rPh>
    <rPh sb="13" eb="15">
      <t>タンイ</t>
    </rPh>
    <rPh sb="16" eb="17">
      <t>ニ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);[Red]\(#,##0\)"/>
    <numFmt numFmtId="177" formatCode="_-* #,##0_-;\-* #,##0_-;_-* &quot;-&quot;_-;_-@_-"/>
  </numFmts>
  <fonts count="12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b/>
      <sz val="16"/>
      <name val="ＭＳ 明朝"/>
      <family val="1"/>
      <charset val="128"/>
    </font>
    <font>
      <sz val="10"/>
      <name val="ＭＳ 明朝"/>
      <family val="1"/>
      <charset val="128"/>
    </font>
    <font>
      <b/>
      <sz val="10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2"/>
      <name val="ＭＳ 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1">
    <xf numFmtId="0" fontId="0" fillId="0" borderId="0"/>
    <xf numFmtId="9" fontId="8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8" fillId="0" borderId="0" applyFont="0" applyFill="0" applyBorder="0" applyAlignment="0" applyProtection="0"/>
    <xf numFmtId="0" fontId="7" fillId="0" borderId="0"/>
    <xf numFmtId="0" fontId="8" fillId="0" borderId="0"/>
    <xf numFmtId="0" fontId="9" fillId="0" borderId="0">
      <alignment vertical="center"/>
    </xf>
    <xf numFmtId="177" fontId="11" fillId="0" borderId="0" applyFont="0" applyFill="0" applyBorder="0" applyAlignment="0" applyProtection="0"/>
    <xf numFmtId="0" fontId="10" fillId="0" borderId="0"/>
    <xf numFmtId="0" fontId="1" fillId="0" borderId="0"/>
    <xf numFmtId="38" fontId="1" fillId="0" borderId="0" applyFont="0" applyFill="0" applyBorder="0" applyAlignment="0" applyProtection="0"/>
  </cellStyleXfs>
  <cellXfs count="83">
    <xf numFmtId="0" fontId="0" fillId="0" borderId="0" xfId="0"/>
    <xf numFmtId="0" fontId="1" fillId="0" borderId="0" xfId="9" applyFont="1"/>
    <xf numFmtId="38" fontId="4" fillId="0" borderId="4" xfId="10" applyFont="1" applyFill="1" applyBorder="1" applyAlignment="1">
      <alignment shrinkToFit="1"/>
    </xf>
    <xf numFmtId="176" fontId="4" fillId="0" borderId="0" xfId="9" applyNumberFormat="1" applyFont="1" applyFill="1" applyBorder="1" applyAlignment="1">
      <alignment shrinkToFit="1"/>
    </xf>
    <xf numFmtId="176" fontId="4" fillId="0" borderId="41" xfId="10" applyNumberFormat="1" applyFont="1" applyFill="1" applyBorder="1" applyAlignment="1">
      <alignment shrinkToFit="1"/>
    </xf>
    <xf numFmtId="176" fontId="4" fillId="0" borderId="12" xfId="10" applyNumberFormat="1" applyFont="1" applyFill="1" applyBorder="1" applyAlignment="1">
      <alignment shrinkToFit="1"/>
    </xf>
    <xf numFmtId="176" fontId="4" fillId="0" borderId="11" xfId="10" applyNumberFormat="1" applyFont="1" applyFill="1" applyBorder="1" applyAlignment="1">
      <alignment shrinkToFit="1"/>
    </xf>
    <xf numFmtId="0" fontId="1" fillId="0" borderId="32" xfId="9" applyFont="1" applyFill="1" applyBorder="1"/>
    <xf numFmtId="176" fontId="4" fillId="0" borderId="22" xfId="10" applyNumberFormat="1" applyFont="1" applyBorder="1"/>
    <xf numFmtId="176" fontId="4" fillId="0" borderId="8" xfId="10" applyNumberFormat="1" applyFont="1" applyBorder="1"/>
    <xf numFmtId="176" fontId="4" fillId="0" borderId="3" xfId="10" applyNumberFormat="1" applyFont="1" applyBorder="1"/>
    <xf numFmtId="0" fontId="1" fillId="0" borderId="31" xfId="9" applyFont="1" applyFill="1" applyBorder="1"/>
    <xf numFmtId="176" fontId="4" fillId="0" borderId="5" xfId="10" applyNumberFormat="1" applyFont="1" applyFill="1" applyBorder="1" applyAlignment="1">
      <alignment shrinkToFit="1"/>
    </xf>
    <xf numFmtId="176" fontId="4" fillId="0" borderId="4" xfId="10" applyNumberFormat="1" applyFont="1" applyFill="1" applyBorder="1" applyAlignment="1">
      <alignment shrinkToFit="1"/>
    </xf>
    <xf numFmtId="176" fontId="4" fillId="0" borderId="3" xfId="10" applyNumberFormat="1" applyFont="1" applyFill="1" applyBorder="1" applyAlignment="1">
      <alignment shrinkToFit="1"/>
    </xf>
    <xf numFmtId="0" fontId="4" fillId="0" borderId="31" xfId="9" applyFont="1" applyFill="1" applyBorder="1" applyAlignment="1">
      <alignment wrapText="1"/>
    </xf>
    <xf numFmtId="176" fontId="5" fillId="0" borderId="0" xfId="9" applyNumberFormat="1" applyFont="1" applyFill="1" applyBorder="1" applyAlignment="1">
      <alignment shrinkToFit="1"/>
    </xf>
    <xf numFmtId="176" fontId="5" fillId="0" borderId="5" xfId="10" applyNumberFormat="1" applyFont="1" applyFill="1" applyBorder="1" applyAlignment="1">
      <alignment shrinkToFit="1"/>
    </xf>
    <xf numFmtId="176" fontId="5" fillId="0" borderId="4" xfId="10" applyNumberFormat="1" applyFont="1" applyFill="1" applyBorder="1" applyAlignment="1">
      <alignment shrinkToFit="1"/>
    </xf>
    <xf numFmtId="176" fontId="5" fillId="0" borderId="3" xfId="10" applyNumberFormat="1" applyFont="1" applyFill="1" applyBorder="1" applyAlignment="1">
      <alignment shrinkToFit="1"/>
    </xf>
    <xf numFmtId="176" fontId="4" fillId="0" borderId="0" xfId="9" applyNumberFormat="1" applyFont="1" applyFill="1" applyBorder="1" applyAlignment="1">
      <alignment horizontal="center" shrinkToFit="1"/>
    </xf>
    <xf numFmtId="176" fontId="4" fillId="0" borderId="15" xfId="9" applyNumberFormat="1" applyFont="1" applyFill="1" applyBorder="1" applyAlignment="1">
      <alignment horizontal="center" shrinkToFit="1"/>
    </xf>
    <xf numFmtId="176" fontId="4" fillId="0" borderId="14" xfId="9" applyNumberFormat="1" applyFont="1" applyFill="1" applyBorder="1" applyAlignment="1">
      <alignment horizontal="center" shrinkToFit="1"/>
    </xf>
    <xf numFmtId="176" fontId="4" fillId="0" borderId="27" xfId="9" applyNumberFormat="1" applyFont="1" applyFill="1" applyBorder="1" applyAlignment="1">
      <alignment horizontal="center" shrinkToFit="1"/>
    </xf>
    <xf numFmtId="176" fontId="4" fillId="0" borderId="25" xfId="9" applyNumberFormat="1" applyFont="1" applyFill="1" applyBorder="1" applyAlignment="1">
      <alignment horizontal="center" shrinkToFit="1"/>
    </xf>
    <xf numFmtId="0" fontId="1" fillId="0" borderId="36" xfId="9" applyFont="1" applyFill="1" applyBorder="1"/>
    <xf numFmtId="0" fontId="1" fillId="0" borderId="35" xfId="9" applyFont="1" applyFill="1" applyBorder="1"/>
    <xf numFmtId="176" fontId="4" fillId="0" borderId="0" xfId="9" applyNumberFormat="1" applyFont="1" applyFill="1" applyAlignment="1">
      <alignment shrinkToFit="1"/>
    </xf>
    <xf numFmtId="176" fontId="4" fillId="0" borderId="29" xfId="9" applyNumberFormat="1" applyFont="1" applyFill="1" applyBorder="1" applyAlignment="1">
      <alignment shrinkToFit="1"/>
    </xf>
    <xf numFmtId="0" fontId="1" fillId="0" borderId="29" xfId="9" applyFont="1" applyFill="1" applyBorder="1"/>
    <xf numFmtId="176" fontId="4" fillId="0" borderId="16" xfId="10" applyNumberFormat="1" applyFont="1" applyFill="1" applyBorder="1" applyAlignment="1">
      <alignment shrinkToFit="1"/>
    </xf>
    <xf numFmtId="176" fontId="4" fillId="0" borderId="2" xfId="10" applyNumberFormat="1" applyFont="1" applyBorder="1"/>
    <xf numFmtId="176" fontId="4" fillId="0" borderId="17" xfId="10" applyNumberFormat="1" applyFont="1" applyFill="1" applyBorder="1" applyAlignment="1">
      <alignment shrinkToFit="1"/>
    </xf>
    <xf numFmtId="176" fontId="4" fillId="0" borderId="23" xfId="9" applyNumberFormat="1" applyFont="1" applyFill="1" applyBorder="1" applyAlignment="1">
      <alignment horizontal="center" shrinkToFit="1"/>
    </xf>
    <xf numFmtId="176" fontId="4" fillId="0" borderId="28" xfId="9" applyNumberFormat="1" applyFont="1" applyFill="1" applyBorder="1" applyAlignment="1">
      <alignment horizontal="center" shrinkToFit="1"/>
    </xf>
    <xf numFmtId="176" fontId="4" fillId="0" borderId="1" xfId="9" applyNumberFormat="1" applyFont="1" applyFill="1" applyBorder="1" applyAlignment="1">
      <alignment shrinkToFit="1"/>
    </xf>
    <xf numFmtId="0" fontId="1" fillId="0" borderId="1" xfId="9" applyFont="1" applyFill="1" applyBorder="1"/>
    <xf numFmtId="0" fontId="3" fillId="0" borderId="0" xfId="9" applyFont="1" applyFill="1" applyBorder="1"/>
    <xf numFmtId="0" fontId="1" fillId="0" borderId="0" xfId="9" applyFont="1" applyAlignment="1"/>
    <xf numFmtId="176" fontId="4" fillId="0" borderId="26" xfId="9" applyNumberFormat="1" applyFont="1" applyFill="1" applyBorder="1" applyAlignment="1">
      <alignment shrinkToFit="1"/>
    </xf>
    <xf numFmtId="0" fontId="1" fillId="0" borderId="26" xfId="9" applyFont="1" applyFill="1" applyBorder="1"/>
    <xf numFmtId="0" fontId="4" fillId="0" borderId="15" xfId="9" applyFont="1" applyFill="1" applyBorder="1" applyAlignment="1">
      <alignment horizontal="center"/>
    </xf>
    <xf numFmtId="0" fontId="4" fillId="0" borderId="14" xfId="9" applyFont="1" applyFill="1" applyBorder="1" applyAlignment="1">
      <alignment horizontal="center"/>
    </xf>
    <xf numFmtId="0" fontId="4" fillId="0" borderId="23" xfId="9" applyFont="1" applyFill="1" applyBorder="1" applyAlignment="1">
      <alignment horizontal="center"/>
    </xf>
    <xf numFmtId="0" fontId="4" fillId="0" borderId="28" xfId="9" applyFont="1" applyFill="1" applyBorder="1" applyAlignment="1">
      <alignment horizontal="center"/>
    </xf>
    <xf numFmtId="0" fontId="4" fillId="0" borderId="27" xfId="9" applyFont="1" applyFill="1" applyBorder="1" applyAlignment="1">
      <alignment horizontal="center"/>
    </xf>
    <xf numFmtId="0" fontId="4" fillId="0" borderId="25" xfId="9" applyFont="1" applyFill="1" applyBorder="1" applyAlignment="1">
      <alignment horizontal="center"/>
    </xf>
    <xf numFmtId="0" fontId="1" fillId="0" borderId="0" xfId="9" applyFont="1" applyFill="1"/>
    <xf numFmtId="0" fontId="3" fillId="0" borderId="0" xfId="9" applyFont="1"/>
    <xf numFmtId="176" fontId="5" fillId="0" borderId="17" xfId="10" applyNumberFormat="1" applyFont="1" applyFill="1" applyBorder="1" applyAlignment="1">
      <alignment shrinkToFit="1"/>
    </xf>
    <xf numFmtId="176" fontId="5" fillId="0" borderId="19" xfId="10" applyNumberFormat="1" applyFont="1" applyFill="1" applyBorder="1" applyAlignment="1">
      <alignment shrinkToFit="1"/>
    </xf>
    <xf numFmtId="176" fontId="5" fillId="0" borderId="6" xfId="10" applyNumberFormat="1" applyFont="1" applyFill="1" applyBorder="1" applyAlignment="1">
      <alignment shrinkToFit="1"/>
    </xf>
    <xf numFmtId="176" fontId="5" fillId="0" borderId="20" xfId="10" applyNumberFormat="1" applyFont="1" applyFill="1" applyBorder="1" applyAlignment="1">
      <alignment shrinkToFit="1"/>
    </xf>
    <xf numFmtId="176" fontId="4" fillId="0" borderId="13" xfId="10" applyNumberFormat="1" applyFont="1" applyFill="1" applyBorder="1" applyAlignment="1">
      <alignment shrinkToFit="1"/>
    </xf>
    <xf numFmtId="176" fontId="4" fillId="0" borderId="18" xfId="10" applyNumberFormat="1" applyFont="1" applyFill="1" applyBorder="1" applyAlignment="1">
      <alignment shrinkToFit="1"/>
    </xf>
    <xf numFmtId="176" fontId="5" fillId="0" borderId="30" xfId="10" applyNumberFormat="1" applyFont="1" applyFill="1" applyBorder="1" applyAlignment="1">
      <alignment shrinkToFit="1"/>
    </xf>
    <xf numFmtId="176" fontId="5" fillId="0" borderId="9" xfId="10" applyNumberFormat="1" applyFont="1" applyFill="1" applyBorder="1" applyAlignment="1">
      <alignment shrinkToFit="1"/>
    </xf>
    <xf numFmtId="176" fontId="4" fillId="0" borderId="8" xfId="10" applyNumberFormat="1" applyFont="1" applyFill="1" applyBorder="1" applyAlignment="1">
      <alignment shrinkToFit="1"/>
    </xf>
    <xf numFmtId="176" fontId="4" fillId="0" borderId="7" xfId="10" applyNumberFormat="1" applyFont="1" applyFill="1" applyBorder="1" applyAlignment="1">
      <alignment shrinkToFit="1"/>
    </xf>
    <xf numFmtId="176" fontId="4" fillId="0" borderId="8" xfId="10" applyNumberFormat="1" applyFont="1" applyFill="1" applyBorder="1"/>
    <xf numFmtId="176" fontId="4" fillId="0" borderId="0" xfId="10" applyNumberFormat="1" applyFont="1" applyFill="1" applyBorder="1"/>
    <xf numFmtId="176" fontId="4" fillId="0" borderId="1" xfId="10" applyNumberFormat="1" applyFont="1" applyFill="1" applyBorder="1" applyAlignment="1">
      <alignment shrinkToFit="1"/>
    </xf>
    <xf numFmtId="176" fontId="4" fillId="0" borderId="3" xfId="10" applyNumberFormat="1" applyFont="1" applyFill="1" applyBorder="1"/>
    <xf numFmtId="176" fontId="4" fillId="0" borderId="2" xfId="10" applyNumberFormat="1" applyFont="1" applyFill="1" applyBorder="1"/>
    <xf numFmtId="176" fontId="5" fillId="0" borderId="21" xfId="10" applyNumberFormat="1" applyFont="1" applyFill="1" applyBorder="1" applyAlignment="1">
      <alignment shrinkToFit="1"/>
    </xf>
    <xf numFmtId="176" fontId="4" fillId="0" borderId="22" xfId="10" applyNumberFormat="1" applyFont="1" applyFill="1" applyBorder="1"/>
    <xf numFmtId="0" fontId="0" fillId="0" borderId="1" xfId="9" applyFont="1" applyFill="1" applyBorder="1" applyAlignment="1"/>
    <xf numFmtId="0" fontId="1" fillId="0" borderId="1" xfId="9" applyFont="1" applyFill="1" applyBorder="1" applyAlignment="1"/>
    <xf numFmtId="0" fontId="4" fillId="0" borderId="33" xfId="9" applyFont="1" applyFill="1" applyBorder="1" applyAlignment="1">
      <alignment horizontal="center"/>
    </xf>
    <xf numFmtId="0" fontId="4" fillId="0" borderId="10" xfId="9" applyFont="1" applyFill="1" applyBorder="1" applyAlignment="1">
      <alignment horizontal="center"/>
    </xf>
    <xf numFmtId="0" fontId="4" fillId="0" borderId="37" xfId="9" applyFont="1" applyFill="1" applyBorder="1" applyAlignment="1">
      <alignment horizontal="center"/>
    </xf>
    <xf numFmtId="0" fontId="4" fillId="0" borderId="40" xfId="9" applyFont="1" applyFill="1" applyBorder="1" applyAlignment="1">
      <alignment horizontal="center"/>
    </xf>
    <xf numFmtId="0" fontId="4" fillId="0" borderId="34" xfId="9" applyFont="1" applyFill="1" applyBorder="1" applyAlignment="1">
      <alignment horizontal="center"/>
    </xf>
    <xf numFmtId="0" fontId="4" fillId="0" borderId="39" xfId="9" applyFont="1" applyFill="1" applyBorder="1" applyAlignment="1">
      <alignment horizontal="center"/>
    </xf>
    <xf numFmtId="176" fontId="4" fillId="0" borderId="24" xfId="9" applyNumberFormat="1" applyFont="1" applyFill="1" applyBorder="1" applyAlignment="1">
      <alignment horizontal="center" shrinkToFit="1"/>
    </xf>
    <xf numFmtId="176" fontId="4" fillId="0" borderId="38" xfId="9" applyNumberFormat="1" applyFont="1" applyFill="1" applyBorder="1" applyAlignment="1">
      <alignment horizontal="center" shrinkToFit="1"/>
    </xf>
    <xf numFmtId="176" fontId="4" fillId="0" borderId="0" xfId="9" applyNumberFormat="1" applyFont="1" applyFill="1" applyBorder="1" applyAlignment="1">
      <alignment horizontal="center" shrinkToFit="1"/>
    </xf>
    <xf numFmtId="176" fontId="4" fillId="0" borderId="33" xfId="9" applyNumberFormat="1" applyFont="1" applyFill="1" applyBorder="1" applyAlignment="1">
      <alignment horizontal="center" shrinkToFit="1"/>
    </xf>
    <xf numFmtId="176" fontId="4" fillId="0" borderId="10" xfId="9" applyNumberFormat="1" applyFont="1" applyFill="1" applyBorder="1" applyAlignment="1">
      <alignment horizontal="center" shrinkToFit="1"/>
    </xf>
    <xf numFmtId="176" fontId="4" fillId="0" borderId="37" xfId="9" applyNumberFormat="1" applyFont="1" applyFill="1" applyBorder="1" applyAlignment="1">
      <alignment horizontal="center" shrinkToFit="1"/>
    </xf>
    <xf numFmtId="176" fontId="4" fillId="0" borderId="40" xfId="9" applyNumberFormat="1" applyFont="1" applyFill="1" applyBorder="1" applyAlignment="1">
      <alignment horizontal="center" shrinkToFit="1"/>
    </xf>
    <xf numFmtId="176" fontId="4" fillId="0" borderId="34" xfId="9" applyNumberFormat="1" applyFont="1" applyFill="1" applyBorder="1" applyAlignment="1">
      <alignment horizontal="center" shrinkToFit="1"/>
    </xf>
    <xf numFmtId="176" fontId="4" fillId="0" borderId="39" xfId="9" applyNumberFormat="1" applyFont="1" applyFill="1" applyBorder="1" applyAlignment="1">
      <alignment horizontal="center" shrinkToFit="1"/>
    </xf>
  </cellXfs>
  <cellStyles count="11">
    <cellStyle name="パーセント 2" xfId="1" xr:uid="{00000000-0005-0000-0000-000001000000}"/>
    <cellStyle name="桁区切り 2" xfId="2" xr:uid="{00000000-0005-0000-0000-000004000000}"/>
    <cellStyle name="桁区切り 2 2" xfId="10" xr:uid="{00000000-0005-0000-0000-000005000000}"/>
    <cellStyle name="桁区切り 3" xfId="3" xr:uid="{00000000-0005-0000-0000-000006000000}"/>
    <cellStyle name="桁区切り 4" xfId="7" xr:uid="{00000000-0005-0000-0000-000007000000}"/>
    <cellStyle name="標準" xfId="0" builtinId="0"/>
    <cellStyle name="標準 2" xfId="4" xr:uid="{00000000-0005-0000-0000-000009000000}"/>
    <cellStyle name="標準 2 2" xfId="9" xr:uid="{00000000-0005-0000-0000-00000A000000}"/>
    <cellStyle name="標準 3" xfId="5" xr:uid="{00000000-0005-0000-0000-00000B000000}"/>
    <cellStyle name="標準 4" xfId="6" xr:uid="{00000000-0005-0000-0000-00000C000000}"/>
    <cellStyle name="標準 5" xfId="8" xr:uid="{00000000-0005-0000-0000-00000D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0"/>
  </sheetPr>
  <dimension ref="A1:N112"/>
  <sheetViews>
    <sheetView tabSelected="1" view="pageBreakPreview" topLeftCell="A85" zoomScaleNormal="100" zoomScaleSheetLayoutView="100" workbookViewId="0">
      <pane xSplit="1" topLeftCell="B1" activePane="topRight" state="frozen"/>
      <selection activeCell="G9" sqref="G9"/>
      <selection pane="topRight" activeCell="E107" sqref="E107"/>
    </sheetView>
  </sheetViews>
  <sheetFormatPr defaultColWidth="9" defaultRowHeight="13.2" x14ac:dyDescent="0.2"/>
  <cols>
    <col min="1" max="1" width="12.33203125" style="1" customWidth="1"/>
    <col min="2" max="4" width="6.6640625" style="1" customWidth="1"/>
    <col min="5" max="6" width="7" style="1" customWidth="1"/>
    <col min="7" max="7" width="6.88671875" style="1" customWidth="1"/>
    <col min="8" max="8" width="6.6640625" style="1" customWidth="1"/>
    <col min="9" max="10" width="6.88671875" style="1" customWidth="1"/>
    <col min="11" max="13" width="6.6640625" style="1" customWidth="1"/>
    <col min="14" max="16384" width="9" style="1"/>
  </cols>
  <sheetData>
    <row r="1" spans="1:13" ht="19.2" x14ac:dyDescent="0.25">
      <c r="A1" s="48" t="s">
        <v>29</v>
      </c>
      <c r="H1" s="38" t="s">
        <v>39</v>
      </c>
    </row>
    <row r="2" spans="1:13" ht="13.8" thickBot="1" x14ac:dyDescent="0.25">
      <c r="A2" s="47"/>
      <c r="B2" s="47"/>
      <c r="C2" s="47"/>
      <c r="D2" s="47"/>
      <c r="E2" s="47"/>
      <c r="F2" s="47"/>
      <c r="G2" s="47"/>
      <c r="H2" s="66" t="s">
        <v>58</v>
      </c>
      <c r="I2" s="67"/>
      <c r="J2" s="67"/>
      <c r="K2" s="67"/>
      <c r="L2" s="67"/>
      <c r="M2" s="67"/>
    </row>
    <row r="3" spans="1:13" x14ac:dyDescent="0.2">
      <c r="A3" s="26" t="s">
        <v>20</v>
      </c>
      <c r="B3" s="68" t="s">
        <v>34</v>
      </c>
      <c r="C3" s="69"/>
      <c r="D3" s="70"/>
      <c r="E3" s="71" t="s">
        <v>35</v>
      </c>
      <c r="F3" s="69"/>
      <c r="G3" s="72"/>
      <c r="H3" s="68" t="s">
        <v>36</v>
      </c>
      <c r="I3" s="69"/>
      <c r="J3" s="70"/>
      <c r="K3" s="71" t="s">
        <v>21</v>
      </c>
      <c r="L3" s="69"/>
      <c r="M3" s="73"/>
    </row>
    <row r="4" spans="1:13" x14ac:dyDescent="0.2">
      <c r="A4" s="25" t="s">
        <v>19</v>
      </c>
      <c r="B4" s="45" t="s">
        <v>0</v>
      </c>
      <c r="C4" s="42" t="s">
        <v>1</v>
      </c>
      <c r="D4" s="44" t="s">
        <v>37</v>
      </c>
      <c r="E4" s="43" t="s">
        <v>0</v>
      </c>
      <c r="F4" s="42" t="s">
        <v>1</v>
      </c>
      <c r="G4" s="46" t="s">
        <v>37</v>
      </c>
      <c r="H4" s="45" t="s">
        <v>0</v>
      </c>
      <c r="I4" s="42" t="s">
        <v>1</v>
      </c>
      <c r="J4" s="44" t="s">
        <v>37</v>
      </c>
      <c r="K4" s="43" t="s">
        <v>0</v>
      </c>
      <c r="L4" s="42" t="s">
        <v>1</v>
      </c>
      <c r="M4" s="41" t="s">
        <v>37</v>
      </c>
    </row>
    <row r="5" spans="1:13" x14ac:dyDescent="0.2">
      <c r="A5" s="11" t="s">
        <v>18</v>
      </c>
      <c r="B5" s="50">
        <v>28063</v>
      </c>
      <c r="C5" s="51">
        <v>29921</v>
      </c>
      <c r="D5" s="52">
        <v>57984</v>
      </c>
      <c r="E5" s="55">
        <v>11499</v>
      </c>
      <c r="F5" s="51">
        <v>12288</v>
      </c>
      <c r="G5" s="56">
        <v>23787</v>
      </c>
      <c r="H5" s="50">
        <v>6925</v>
      </c>
      <c r="I5" s="51">
        <v>7790</v>
      </c>
      <c r="J5" s="52">
        <v>14715</v>
      </c>
      <c r="K5" s="55">
        <v>1093</v>
      </c>
      <c r="L5" s="51">
        <v>1172</v>
      </c>
      <c r="M5" s="64">
        <v>2265</v>
      </c>
    </row>
    <row r="6" spans="1:13" x14ac:dyDescent="0.2">
      <c r="A6" s="11"/>
      <c r="B6" s="14"/>
      <c r="C6" s="13"/>
      <c r="D6" s="32"/>
      <c r="E6" s="57"/>
      <c r="F6" s="13"/>
      <c r="G6" s="58"/>
      <c r="H6" s="14"/>
      <c r="I6" s="13"/>
      <c r="J6" s="32"/>
      <c r="K6" s="57"/>
      <c r="L6" s="13"/>
      <c r="M6" s="12"/>
    </row>
    <row r="7" spans="1:13" ht="36.6" x14ac:dyDescent="0.2">
      <c r="A7" s="15" t="s">
        <v>32</v>
      </c>
      <c r="B7" s="14">
        <v>3508</v>
      </c>
      <c r="C7" s="13">
        <v>3369</v>
      </c>
      <c r="D7" s="32">
        <v>6877</v>
      </c>
      <c r="E7" s="57">
        <v>1440</v>
      </c>
      <c r="F7" s="13">
        <v>1363</v>
      </c>
      <c r="G7" s="58">
        <v>2803</v>
      </c>
      <c r="H7" s="14">
        <v>650</v>
      </c>
      <c r="I7" s="13">
        <v>654</v>
      </c>
      <c r="J7" s="32">
        <v>1304</v>
      </c>
      <c r="K7" s="57">
        <v>147</v>
      </c>
      <c r="L7" s="13">
        <v>172</v>
      </c>
      <c r="M7" s="12">
        <v>319</v>
      </c>
    </row>
    <row r="8" spans="1:13" x14ac:dyDescent="0.2">
      <c r="A8" s="11" t="s">
        <v>4</v>
      </c>
      <c r="B8" s="14">
        <v>957</v>
      </c>
      <c r="C8" s="13">
        <v>881</v>
      </c>
      <c r="D8" s="32">
        <v>1838</v>
      </c>
      <c r="E8" s="59">
        <v>417</v>
      </c>
      <c r="F8" s="59">
        <v>374</v>
      </c>
      <c r="G8" s="60">
        <v>791</v>
      </c>
      <c r="H8" s="62">
        <v>172</v>
      </c>
      <c r="I8" s="59">
        <v>189</v>
      </c>
      <c r="J8" s="63">
        <v>361</v>
      </c>
      <c r="K8" s="59">
        <v>33</v>
      </c>
      <c r="L8" s="59">
        <v>42</v>
      </c>
      <c r="M8" s="65">
        <v>75</v>
      </c>
    </row>
    <row r="9" spans="1:13" x14ac:dyDescent="0.2">
      <c r="A9" s="11" t="s">
        <v>57</v>
      </c>
      <c r="B9" s="14">
        <v>1225</v>
      </c>
      <c r="C9" s="13">
        <v>1168</v>
      </c>
      <c r="D9" s="32">
        <v>2393</v>
      </c>
      <c r="E9" s="59">
        <v>471</v>
      </c>
      <c r="F9" s="59">
        <v>481</v>
      </c>
      <c r="G9" s="60">
        <v>952</v>
      </c>
      <c r="H9" s="62">
        <v>227</v>
      </c>
      <c r="I9" s="59">
        <v>193</v>
      </c>
      <c r="J9" s="63">
        <v>420</v>
      </c>
      <c r="K9" s="59">
        <v>57</v>
      </c>
      <c r="L9" s="59">
        <v>58</v>
      </c>
      <c r="M9" s="65">
        <v>115</v>
      </c>
    </row>
    <row r="10" spans="1:13" x14ac:dyDescent="0.2">
      <c r="A10" s="11" t="s">
        <v>56</v>
      </c>
      <c r="B10" s="14">
        <v>1326</v>
      </c>
      <c r="C10" s="13">
        <v>1320</v>
      </c>
      <c r="D10" s="32">
        <v>2646</v>
      </c>
      <c r="E10" s="59">
        <v>552</v>
      </c>
      <c r="F10" s="59">
        <v>508</v>
      </c>
      <c r="G10" s="60">
        <v>1060</v>
      </c>
      <c r="H10" s="62">
        <v>251</v>
      </c>
      <c r="I10" s="59">
        <v>272</v>
      </c>
      <c r="J10" s="63">
        <v>523</v>
      </c>
      <c r="K10" s="59">
        <v>57</v>
      </c>
      <c r="L10" s="59">
        <v>72</v>
      </c>
      <c r="M10" s="65">
        <v>129</v>
      </c>
    </row>
    <row r="11" spans="1:13" x14ac:dyDescent="0.2">
      <c r="A11" s="11"/>
      <c r="B11" s="14"/>
      <c r="C11" s="13"/>
      <c r="D11" s="32"/>
      <c r="E11" s="57"/>
      <c r="F11" s="13"/>
      <c r="G11" s="58"/>
      <c r="H11" s="14"/>
      <c r="I11" s="13"/>
      <c r="J11" s="32"/>
      <c r="K11" s="57"/>
      <c r="L11" s="13"/>
      <c r="M11" s="12"/>
    </row>
    <row r="12" spans="1:13" ht="48.6" x14ac:dyDescent="0.2">
      <c r="A12" s="15" t="s">
        <v>5</v>
      </c>
      <c r="B12" s="14">
        <v>15930</v>
      </c>
      <c r="C12" s="13">
        <v>15494</v>
      </c>
      <c r="D12" s="32">
        <v>31424</v>
      </c>
      <c r="E12" s="57">
        <v>6435</v>
      </c>
      <c r="F12" s="13">
        <v>6379</v>
      </c>
      <c r="G12" s="58">
        <v>12814</v>
      </c>
      <c r="H12" s="14">
        <v>3422</v>
      </c>
      <c r="I12" s="13">
        <v>3473</v>
      </c>
      <c r="J12" s="32">
        <v>6895</v>
      </c>
      <c r="K12" s="57">
        <v>704</v>
      </c>
      <c r="L12" s="13">
        <v>676</v>
      </c>
      <c r="M12" s="12">
        <v>1380</v>
      </c>
    </row>
    <row r="13" spans="1:13" x14ac:dyDescent="0.2">
      <c r="A13" s="11" t="s">
        <v>6</v>
      </c>
      <c r="B13" s="14">
        <v>1426</v>
      </c>
      <c r="C13" s="13">
        <v>1357</v>
      </c>
      <c r="D13" s="32">
        <v>2783</v>
      </c>
      <c r="E13" s="59">
        <v>508</v>
      </c>
      <c r="F13" s="59">
        <v>486</v>
      </c>
      <c r="G13" s="60">
        <v>994</v>
      </c>
      <c r="H13" s="62">
        <v>292</v>
      </c>
      <c r="I13" s="59">
        <v>265</v>
      </c>
      <c r="J13" s="63">
        <v>557</v>
      </c>
      <c r="K13" s="59">
        <v>77</v>
      </c>
      <c r="L13" s="59">
        <v>68</v>
      </c>
      <c r="M13" s="65">
        <v>145</v>
      </c>
    </row>
    <row r="14" spans="1:13" x14ac:dyDescent="0.2">
      <c r="A14" s="11" t="s">
        <v>55</v>
      </c>
      <c r="B14" s="14">
        <v>1154</v>
      </c>
      <c r="C14" s="13">
        <v>1161</v>
      </c>
      <c r="D14" s="32">
        <v>2315</v>
      </c>
      <c r="E14" s="59">
        <v>433</v>
      </c>
      <c r="F14" s="59">
        <v>465</v>
      </c>
      <c r="G14" s="60">
        <v>898</v>
      </c>
      <c r="H14" s="62">
        <v>241</v>
      </c>
      <c r="I14" s="59">
        <v>275</v>
      </c>
      <c r="J14" s="63">
        <v>516</v>
      </c>
      <c r="K14" s="59">
        <v>51</v>
      </c>
      <c r="L14" s="59">
        <v>58</v>
      </c>
      <c r="M14" s="65">
        <v>109</v>
      </c>
    </row>
    <row r="15" spans="1:13" x14ac:dyDescent="0.2">
      <c r="A15" s="11" t="s">
        <v>54</v>
      </c>
      <c r="B15" s="14">
        <v>948</v>
      </c>
      <c r="C15" s="13">
        <v>946</v>
      </c>
      <c r="D15" s="32">
        <v>1894</v>
      </c>
      <c r="E15" s="59">
        <v>424</v>
      </c>
      <c r="F15" s="59">
        <v>406</v>
      </c>
      <c r="G15" s="60">
        <v>830</v>
      </c>
      <c r="H15" s="62">
        <v>216</v>
      </c>
      <c r="I15" s="59">
        <v>269</v>
      </c>
      <c r="J15" s="63">
        <v>485</v>
      </c>
      <c r="K15" s="59">
        <v>52</v>
      </c>
      <c r="L15" s="59">
        <v>42</v>
      </c>
      <c r="M15" s="65">
        <v>94</v>
      </c>
    </row>
    <row r="16" spans="1:13" x14ac:dyDescent="0.2">
      <c r="A16" s="11" t="s">
        <v>53</v>
      </c>
      <c r="B16" s="14">
        <v>1188</v>
      </c>
      <c r="C16" s="13">
        <v>1143</v>
      </c>
      <c r="D16" s="32">
        <v>2331</v>
      </c>
      <c r="E16" s="59">
        <v>549</v>
      </c>
      <c r="F16" s="59">
        <v>529</v>
      </c>
      <c r="G16" s="60">
        <v>1078</v>
      </c>
      <c r="H16" s="62">
        <v>274</v>
      </c>
      <c r="I16" s="59">
        <v>247</v>
      </c>
      <c r="J16" s="63">
        <v>521</v>
      </c>
      <c r="K16" s="59">
        <v>52</v>
      </c>
      <c r="L16" s="59">
        <v>52</v>
      </c>
      <c r="M16" s="65">
        <v>104</v>
      </c>
    </row>
    <row r="17" spans="1:13" x14ac:dyDescent="0.2">
      <c r="A17" s="11" t="s">
        <v>52</v>
      </c>
      <c r="B17" s="14">
        <v>1573</v>
      </c>
      <c r="C17" s="13">
        <v>1480</v>
      </c>
      <c r="D17" s="32">
        <v>3053</v>
      </c>
      <c r="E17" s="59">
        <v>680</v>
      </c>
      <c r="F17" s="59">
        <v>643</v>
      </c>
      <c r="G17" s="60">
        <v>1323</v>
      </c>
      <c r="H17" s="62">
        <v>357</v>
      </c>
      <c r="I17" s="59">
        <v>321</v>
      </c>
      <c r="J17" s="63">
        <v>678</v>
      </c>
      <c r="K17" s="59">
        <v>70</v>
      </c>
      <c r="L17" s="59">
        <v>50</v>
      </c>
      <c r="M17" s="65">
        <v>120</v>
      </c>
    </row>
    <row r="18" spans="1:13" x14ac:dyDescent="0.2">
      <c r="A18" s="11" t="s">
        <v>51</v>
      </c>
      <c r="B18" s="14">
        <v>1890</v>
      </c>
      <c r="C18" s="13">
        <v>1858</v>
      </c>
      <c r="D18" s="32">
        <v>3748</v>
      </c>
      <c r="E18" s="59">
        <v>783</v>
      </c>
      <c r="F18" s="59">
        <v>743</v>
      </c>
      <c r="G18" s="60">
        <v>1526</v>
      </c>
      <c r="H18" s="62">
        <v>425</v>
      </c>
      <c r="I18" s="59">
        <v>411</v>
      </c>
      <c r="J18" s="63">
        <v>836</v>
      </c>
      <c r="K18" s="59">
        <v>89</v>
      </c>
      <c r="L18" s="59">
        <v>89</v>
      </c>
      <c r="M18" s="65">
        <v>178</v>
      </c>
    </row>
    <row r="19" spans="1:13" x14ac:dyDescent="0.2">
      <c r="A19" s="11" t="s">
        <v>50</v>
      </c>
      <c r="B19" s="14">
        <v>2281</v>
      </c>
      <c r="C19" s="13">
        <v>2222</v>
      </c>
      <c r="D19" s="32">
        <v>4503</v>
      </c>
      <c r="E19" s="59">
        <v>857</v>
      </c>
      <c r="F19" s="59">
        <v>831</v>
      </c>
      <c r="G19" s="60">
        <v>1688</v>
      </c>
      <c r="H19" s="62">
        <v>484</v>
      </c>
      <c r="I19" s="59">
        <v>508</v>
      </c>
      <c r="J19" s="63">
        <v>992</v>
      </c>
      <c r="K19" s="59">
        <v>100</v>
      </c>
      <c r="L19" s="59">
        <v>108</v>
      </c>
      <c r="M19" s="65">
        <v>208</v>
      </c>
    </row>
    <row r="20" spans="1:13" x14ac:dyDescent="0.2">
      <c r="A20" s="11" t="s">
        <v>49</v>
      </c>
      <c r="B20" s="14">
        <v>2095</v>
      </c>
      <c r="C20" s="13">
        <v>1940</v>
      </c>
      <c r="D20" s="32">
        <v>4035</v>
      </c>
      <c r="E20" s="59">
        <v>817</v>
      </c>
      <c r="F20" s="59">
        <v>800</v>
      </c>
      <c r="G20" s="60">
        <v>1617</v>
      </c>
      <c r="H20" s="62">
        <v>421</v>
      </c>
      <c r="I20" s="59">
        <v>395</v>
      </c>
      <c r="J20" s="63">
        <v>816</v>
      </c>
      <c r="K20" s="59">
        <v>88</v>
      </c>
      <c r="L20" s="59">
        <v>72</v>
      </c>
      <c r="M20" s="65">
        <v>160</v>
      </c>
    </row>
    <row r="21" spans="1:13" x14ac:dyDescent="0.2">
      <c r="A21" s="11" t="s">
        <v>48</v>
      </c>
      <c r="B21" s="14">
        <v>1714</v>
      </c>
      <c r="C21" s="13">
        <v>1708</v>
      </c>
      <c r="D21" s="32">
        <v>3422</v>
      </c>
      <c r="E21" s="59">
        <v>631</v>
      </c>
      <c r="F21" s="59">
        <v>687</v>
      </c>
      <c r="G21" s="60">
        <v>1318</v>
      </c>
      <c r="H21" s="62">
        <v>345</v>
      </c>
      <c r="I21" s="59">
        <v>378</v>
      </c>
      <c r="J21" s="63">
        <v>723</v>
      </c>
      <c r="K21" s="59">
        <v>62</v>
      </c>
      <c r="L21" s="59">
        <v>79</v>
      </c>
      <c r="M21" s="65">
        <v>141</v>
      </c>
    </row>
    <row r="22" spans="1:13" x14ac:dyDescent="0.2">
      <c r="A22" s="11" t="s">
        <v>47</v>
      </c>
      <c r="B22" s="14">
        <v>1661</v>
      </c>
      <c r="C22" s="13">
        <v>1679</v>
      </c>
      <c r="D22" s="32">
        <v>3340</v>
      </c>
      <c r="E22" s="59">
        <v>753</v>
      </c>
      <c r="F22" s="59">
        <v>789</v>
      </c>
      <c r="G22" s="60">
        <v>1542</v>
      </c>
      <c r="H22" s="62">
        <v>367</v>
      </c>
      <c r="I22" s="59">
        <v>404</v>
      </c>
      <c r="J22" s="63">
        <v>771</v>
      </c>
      <c r="K22" s="59">
        <v>63</v>
      </c>
      <c r="L22" s="59">
        <v>58</v>
      </c>
      <c r="M22" s="65">
        <v>121</v>
      </c>
    </row>
    <row r="23" spans="1:13" x14ac:dyDescent="0.2">
      <c r="A23" s="11"/>
      <c r="B23" s="14"/>
      <c r="C23" s="13"/>
      <c r="D23" s="32"/>
      <c r="E23" s="57"/>
      <c r="F23" s="13"/>
      <c r="G23" s="58"/>
      <c r="H23" s="14"/>
      <c r="I23" s="13"/>
      <c r="J23" s="32"/>
      <c r="K23" s="57"/>
      <c r="L23" s="13"/>
      <c r="M23" s="12"/>
    </row>
    <row r="24" spans="1:13" ht="36.6" x14ac:dyDescent="0.2">
      <c r="A24" s="15" t="s">
        <v>13</v>
      </c>
      <c r="B24" s="14">
        <v>8625</v>
      </c>
      <c r="C24" s="13">
        <v>11058</v>
      </c>
      <c r="D24" s="32">
        <v>19683</v>
      </c>
      <c r="E24" s="57">
        <v>3624</v>
      </c>
      <c r="F24" s="13">
        <v>4546</v>
      </c>
      <c r="G24" s="58">
        <v>8170</v>
      </c>
      <c r="H24" s="14">
        <v>2853</v>
      </c>
      <c r="I24" s="13">
        <v>3663</v>
      </c>
      <c r="J24" s="32">
        <v>6516</v>
      </c>
      <c r="K24" s="57">
        <v>242</v>
      </c>
      <c r="L24" s="13">
        <v>324</v>
      </c>
      <c r="M24" s="12">
        <v>566</v>
      </c>
    </row>
    <row r="25" spans="1:13" x14ac:dyDescent="0.2">
      <c r="A25" s="11" t="s">
        <v>14</v>
      </c>
      <c r="B25" s="14">
        <v>1960</v>
      </c>
      <c r="C25" s="13">
        <v>2124</v>
      </c>
      <c r="D25" s="32">
        <v>4084</v>
      </c>
      <c r="E25" s="59">
        <v>931</v>
      </c>
      <c r="F25" s="59">
        <v>1019</v>
      </c>
      <c r="G25" s="60">
        <v>1950</v>
      </c>
      <c r="H25" s="62">
        <v>501</v>
      </c>
      <c r="I25" s="59">
        <v>616</v>
      </c>
      <c r="J25" s="63">
        <v>1117</v>
      </c>
      <c r="K25" s="59">
        <v>60</v>
      </c>
      <c r="L25" s="59">
        <v>57</v>
      </c>
      <c r="M25" s="65">
        <v>117</v>
      </c>
    </row>
    <row r="26" spans="1:13" x14ac:dyDescent="0.2">
      <c r="A26" s="11" t="s">
        <v>46</v>
      </c>
      <c r="B26" s="14">
        <v>2711</v>
      </c>
      <c r="C26" s="13">
        <v>3135</v>
      </c>
      <c r="D26" s="32">
        <v>5846</v>
      </c>
      <c r="E26" s="59">
        <v>1241</v>
      </c>
      <c r="F26" s="59">
        <v>1345</v>
      </c>
      <c r="G26" s="60">
        <v>2586</v>
      </c>
      <c r="H26" s="62">
        <v>850</v>
      </c>
      <c r="I26" s="59">
        <v>1102</v>
      </c>
      <c r="J26" s="63">
        <v>1952</v>
      </c>
      <c r="K26" s="59">
        <v>77</v>
      </c>
      <c r="L26" s="59">
        <v>95</v>
      </c>
      <c r="M26" s="65">
        <v>172</v>
      </c>
    </row>
    <row r="27" spans="1:13" x14ac:dyDescent="0.2">
      <c r="A27" s="11" t="s">
        <v>45</v>
      </c>
      <c r="B27" s="14">
        <v>1802</v>
      </c>
      <c r="C27" s="13">
        <v>2105</v>
      </c>
      <c r="D27" s="32">
        <v>3907</v>
      </c>
      <c r="E27" s="59">
        <v>694</v>
      </c>
      <c r="F27" s="59">
        <v>789</v>
      </c>
      <c r="G27" s="60">
        <v>1483</v>
      </c>
      <c r="H27" s="62">
        <v>713</v>
      </c>
      <c r="I27" s="59">
        <v>807</v>
      </c>
      <c r="J27" s="63">
        <v>1520</v>
      </c>
      <c r="K27" s="59">
        <v>45</v>
      </c>
      <c r="L27" s="59">
        <v>48</v>
      </c>
      <c r="M27" s="65">
        <v>93</v>
      </c>
    </row>
    <row r="28" spans="1:13" ht="13.8" thickBot="1" x14ac:dyDescent="0.25">
      <c r="A28" s="7" t="s">
        <v>17</v>
      </c>
      <c r="B28" s="6">
        <v>2152</v>
      </c>
      <c r="C28" s="53">
        <v>3694</v>
      </c>
      <c r="D28" s="54">
        <v>5846</v>
      </c>
      <c r="E28" s="5">
        <v>758</v>
      </c>
      <c r="F28" s="5">
        <v>1393</v>
      </c>
      <c r="G28" s="61">
        <v>2151</v>
      </c>
      <c r="H28" s="6">
        <v>789</v>
      </c>
      <c r="I28" s="5">
        <v>1138</v>
      </c>
      <c r="J28" s="30">
        <v>1927</v>
      </c>
      <c r="K28" s="5">
        <v>60</v>
      </c>
      <c r="L28" s="5">
        <v>124</v>
      </c>
      <c r="M28" s="4">
        <v>184</v>
      </c>
    </row>
    <row r="29" spans="1:13" ht="13.8" thickBot="1" x14ac:dyDescent="0.25">
      <c r="A29" s="29"/>
      <c r="B29" s="28"/>
      <c r="C29" s="28"/>
      <c r="D29" s="28"/>
      <c r="E29" s="28"/>
      <c r="F29" s="28"/>
      <c r="G29" s="28"/>
      <c r="H29" s="28"/>
      <c r="I29" s="28"/>
      <c r="J29" s="28"/>
      <c r="K29" s="28"/>
      <c r="L29" s="28"/>
      <c r="M29" s="28"/>
    </row>
    <row r="30" spans="1:13" x14ac:dyDescent="0.2">
      <c r="A30" s="26" t="s">
        <v>20</v>
      </c>
      <c r="B30" s="77" t="s">
        <v>24</v>
      </c>
      <c r="C30" s="78"/>
      <c r="D30" s="79"/>
      <c r="E30" s="77" t="s">
        <v>25</v>
      </c>
      <c r="F30" s="78"/>
      <c r="G30" s="79"/>
      <c r="H30" s="80" t="s">
        <v>38</v>
      </c>
      <c r="I30" s="78"/>
      <c r="J30" s="81"/>
      <c r="K30" s="77" t="s">
        <v>26</v>
      </c>
      <c r="L30" s="78"/>
      <c r="M30" s="82"/>
    </row>
    <row r="31" spans="1:13" x14ac:dyDescent="0.2">
      <c r="A31" s="25" t="s">
        <v>19</v>
      </c>
      <c r="B31" s="23" t="s">
        <v>0</v>
      </c>
      <c r="C31" s="22" t="s">
        <v>1</v>
      </c>
      <c r="D31" s="34" t="s">
        <v>37</v>
      </c>
      <c r="E31" s="23" t="s">
        <v>0</v>
      </c>
      <c r="F31" s="22" t="s">
        <v>1</v>
      </c>
      <c r="G31" s="34" t="s">
        <v>37</v>
      </c>
      <c r="H31" s="33" t="s">
        <v>0</v>
      </c>
      <c r="I31" s="22" t="s">
        <v>1</v>
      </c>
      <c r="J31" s="24" t="s">
        <v>37</v>
      </c>
      <c r="K31" s="23" t="s">
        <v>0</v>
      </c>
      <c r="L31" s="22" t="s">
        <v>1</v>
      </c>
      <c r="M31" s="21" t="s">
        <v>37</v>
      </c>
    </row>
    <row r="32" spans="1:13" x14ac:dyDescent="0.2">
      <c r="A32" s="11" t="s">
        <v>34</v>
      </c>
      <c r="B32" s="50">
        <v>677</v>
      </c>
      <c r="C32" s="51">
        <v>667</v>
      </c>
      <c r="D32" s="52">
        <v>1344</v>
      </c>
      <c r="E32" s="50">
        <v>1595</v>
      </c>
      <c r="F32" s="51">
        <v>1651</v>
      </c>
      <c r="G32" s="52">
        <v>3246</v>
      </c>
      <c r="H32" s="55">
        <v>3201</v>
      </c>
      <c r="I32" s="51">
        <v>3191</v>
      </c>
      <c r="J32" s="56">
        <v>6392</v>
      </c>
      <c r="K32" s="50">
        <v>40</v>
      </c>
      <c r="L32" s="51">
        <v>22</v>
      </c>
      <c r="M32" s="64">
        <v>62</v>
      </c>
    </row>
    <row r="33" spans="1:13" x14ac:dyDescent="0.2">
      <c r="A33" s="11"/>
      <c r="B33" s="14"/>
      <c r="C33" s="13"/>
      <c r="D33" s="32"/>
      <c r="E33" s="14"/>
      <c r="F33" s="13"/>
      <c r="G33" s="32"/>
      <c r="H33" s="57"/>
      <c r="I33" s="13"/>
      <c r="J33" s="58"/>
      <c r="K33" s="14"/>
      <c r="L33" s="13"/>
      <c r="M33" s="12"/>
    </row>
    <row r="34" spans="1:13" ht="36.6" x14ac:dyDescent="0.2">
      <c r="A34" s="15" t="s">
        <v>32</v>
      </c>
      <c r="B34" s="14">
        <v>123</v>
      </c>
      <c r="C34" s="13">
        <v>101</v>
      </c>
      <c r="D34" s="32">
        <v>224</v>
      </c>
      <c r="E34" s="14">
        <v>273</v>
      </c>
      <c r="F34" s="13">
        <v>267</v>
      </c>
      <c r="G34" s="32">
        <v>540</v>
      </c>
      <c r="H34" s="57">
        <v>697</v>
      </c>
      <c r="I34" s="13">
        <v>635</v>
      </c>
      <c r="J34" s="58">
        <v>1332</v>
      </c>
      <c r="K34" s="14">
        <v>0</v>
      </c>
      <c r="L34" s="13">
        <v>0</v>
      </c>
      <c r="M34" s="12">
        <v>0</v>
      </c>
    </row>
    <row r="35" spans="1:13" x14ac:dyDescent="0.2">
      <c r="A35" s="11" t="s">
        <v>4</v>
      </c>
      <c r="B35" s="62">
        <v>36</v>
      </c>
      <c r="C35" s="59">
        <v>21</v>
      </c>
      <c r="D35" s="63">
        <v>57</v>
      </c>
      <c r="E35" s="62">
        <v>68</v>
      </c>
      <c r="F35" s="59">
        <v>69</v>
      </c>
      <c r="G35" s="63">
        <v>137</v>
      </c>
      <c r="H35" s="59">
        <v>184</v>
      </c>
      <c r="I35" s="59">
        <v>143</v>
      </c>
      <c r="J35" s="60">
        <v>327</v>
      </c>
      <c r="K35" s="62">
        <v>0</v>
      </c>
      <c r="L35" s="59">
        <v>0</v>
      </c>
      <c r="M35" s="65">
        <v>0</v>
      </c>
    </row>
    <row r="36" spans="1:13" x14ac:dyDescent="0.2">
      <c r="A36" s="11" t="s">
        <v>57</v>
      </c>
      <c r="B36" s="62">
        <v>37</v>
      </c>
      <c r="C36" s="59">
        <v>36</v>
      </c>
      <c r="D36" s="63">
        <v>73</v>
      </c>
      <c r="E36" s="62">
        <v>87</v>
      </c>
      <c r="F36" s="59">
        <v>89</v>
      </c>
      <c r="G36" s="63">
        <v>176</v>
      </c>
      <c r="H36" s="59">
        <v>276</v>
      </c>
      <c r="I36" s="59">
        <v>245</v>
      </c>
      <c r="J36" s="60">
        <v>521</v>
      </c>
      <c r="K36" s="62">
        <v>0</v>
      </c>
      <c r="L36" s="59">
        <v>0</v>
      </c>
      <c r="M36" s="65">
        <v>0</v>
      </c>
    </row>
    <row r="37" spans="1:13" x14ac:dyDescent="0.2">
      <c r="A37" s="11" t="s">
        <v>56</v>
      </c>
      <c r="B37" s="62">
        <v>50</v>
      </c>
      <c r="C37" s="59">
        <v>44</v>
      </c>
      <c r="D37" s="63">
        <v>94</v>
      </c>
      <c r="E37" s="62">
        <v>118</v>
      </c>
      <c r="F37" s="59">
        <v>109</v>
      </c>
      <c r="G37" s="63">
        <v>227</v>
      </c>
      <c r="H37" s="59">
        <v>237</v>
      </c>
      <c r="I37" s="59">
        <v>247</v>
      </c>
      <c r="J37" s="60">
        <v>484</v>
      </c>
      <c r="K37" s="62">
        <v>0</v>
      </c>
      <c r="L37" s="59">
        <v>0</v>
      </c>
      <c r="M37" s="65">
        <v>0</v>
      </c>
    </row>
    <row r="38" spans="1:13" x14ac:dyDescent="0.2">
      <c r="A38" s="11"/>
      <c r="B38" s="14"/>
      <c r="C38" s="13"/>
      <c r="D38" s="32"/>
      <c r="E38" s="14"/>
      <c r="F38" s="13"/>
      <c r="G38" s="32"/>
      <c r="H38" s="57"/>
      <c r="I38" s="13"/>
      <c r="J38" s="58"/>
      <c r="K38" s="14"/>
      <c r="L38" s="13"/>
      <c r="M38" s="12"/>
    </row>
    <row r="39" spans="1:13" ht="48.6" x14ac:dyDescent="0.2">
      <c r="A39" s="15" t="s">
        <v>5</v>
      </c>
      <c r="B39" s="14">
        <v>456</v>
      </c>
      <c r="C39" s="13">
        <v>381</v>
      </c>
      <c r="D39" s="32">
        <v>837</v>
      </c>
      <c r="E39" s="14">
        <v>1155</v>
      </c>
      <c r="F39" s="13">
        <v>1132</v>
      </c>
      <c r="G39" s="32">
        <v>2287</v>
      </c>
      <c r="H39" s="57">
        <v>2192</v>
      </c>
      <c r="I39" s="13">
        <v>2154</v>
      </c>
      <c r="J39" s="58">
        <v>4346</v>
      </c>
      <c r="K39" s="14">
        <v>25</v>
      </c>
      <c r="L39" s="13">
        <v>5</v>
      </c>
      <c r="M39" s="12">
        <v>30</v>
      </c>
    </row>
    <row r="40" spans="1:13" x14ac:dyDescent="0.2">
      <c r="A40" s="11" t="s">
        <v>6</v>
      </c>
      <c r="B40" s="62">
        <v>56</v>
      </c>
      <c r="C40" s="59">
        <v>50</v>
      </c>
      <c r="D40" s="63">
        <v>106</v>
      </c>
      <c r="E40" s="62">
        <v>168</v>
      </c>
      <c r="F40" s="59">
        <v>156</v>
      </c>
      <c r="G40" s="63">
        <v>324</v>
      </c>
      <c r="H40" s="59">
        <v>241</v>
      </c>
      <c r="I40" s="59">
        <v>244</v>
      </c>
      <c r="J40" s="60">
        <v>485</v>
      </c>
      <c r="K40" s="62">
        <v>0</v>
      </c>
      <c r="L40" s="59">
        <v>0</v>
      </c>
      <c r="M40" s="65">
        <v>0</v>
      </c>
    </row>
    <row r="41" spans="1:13" x14ac:dyDescent="0.2">
      <c r="A41" s="11" t="s">
        <v>55</v>
      </c>
      <c r="B41" s="62">
        <v>37</v>
      </c>
      <c r="C41" s="59">
        <v>20</v>
      </c>
      <c r="D41" s="63">
        <v>57</v>
      </c>
      <c r="E41" s="62">
        <v>97</v>
      </c>
      <c r="F41" s="59">
        <v>100</v>
      </c>
      <c r="G41" s="63">
        <v>197</v>
      </c>
      <c r="H41" s="59">
        <v>213</v>
      </c>
      <c r="I41" s="59">
        <v>161</v>
      </c>
      <c r="J41" s="60">
        <v>374</v>
      </c>
      <c r="K41" s="62">
        <v>1</v>
      </c>
      <c r="L41" s="59">
        <v>0</v>
      </c>
      <c r="M41" s="65">
        <v>1</v>
      </c>
    </row>
    <row r="42" spans="1:13" x14ac:dyDescent="0.2">
      <c r="A42" s="11" t="s">
        <v>54</v>
      </c>
      <c r="B42" s="62">
        <v>34</v>
      </c>
      <c r="C42" s="59">
        <v>23</v>
      </c>
      <c r="D42" s="63">
        <v>57</v>
      </c>
      <c r="E42" s="62">
        <v>49</v>
      </c>
      <c r="F42" s="59">
        <v>54</v>
      </c>
      <c r="G42" s="63">
        <v>103</v>
      </c>
      <c r="H42" s="59">
        <v>96</v>
      </c>
      <c r="I42" s="59">
        <v>95</v>
      </c>
      <c r="J42" s="60">
        <v>191</v>
      </c>
      <c r="K42" s="62">
        <v>4</v>
      </c>
      <c r="L42" s="59">
        <v>0</v>
      </c>
      <c r="M42" s="65">
        <v>4</v>
      </c>
    </row>
    <row r="43" spans="1:13" x14ac:dyDescent="0.2">
      <c r="A43" s="11" t="s">
        <v>53</v>
      </c>
      <c r="B43" s="62">
        <v>27</v>
      </c>
      <c r="C43" s="59">
        <v>32</v>
      </c>
      <c r="D43" s="63">
        <v>59</v>
      </c>
      <c r="E43" s="62">
        <v>62</v>
      </c>
      <c r="F43" s="59">
        <v>59</v>
      </c>
      <c r="G43" s="63">
        <v>121</v>
      </c>
      <c r="H43" s="59">
        <v>126</v>
      </c>
      <c r="I43" s="59">
        <v>160</v>
      </c>
      <c r="J43" s="60">
        <v>286</v>
      </c>
      <c r="K43" s="62">
        <v>3</v>
      </c>
      <c r="L43" s="59">
        <v>0</v>
      </c>
      <c r="M43" s="65">
        <v>3</v>
      </c>
    </row>
    <row r="44" spans="1:13" x14ac:dyDescent="0.2">
      <c r="A44" s="11" t="s">
        <v>52</v>
      </c>
      <c r="B44" s="62">
        <v>37</v>
      </c>
      <c r="C44" s="59">
        <v>44</v>
      </c>
      <c r="D44" s="63">
        <v>81</v>
      </c>
      <c r="E44" s="62">
        <v>58</v>
      </c>
      <c r="F44" s="59">
        <v>68</v>
      </c>
      <c r="G44" s="63">
        <v>126</v>
      </c>
      <c r="H44" s="59">
        <v>229</v>
      </c>
      <c r="I44" s="59">
        <v>240</v>
      </c>
      <c r="J44" s="60">
        <v>469</v>
      </c>
      <c r="K44" s="62">
        <v>3</v>
      </c>
      <c r="L44" s="59">
        <v>1</v>
      </c>
      <c r="M44" s="65">
        <v>4</v>
      </c>
    </row>
    <row r="45" spans="1:13" x14ac:dyDescent="0.2">
      <c r="A45" s="11" t="s">
        <v>51</v>
      </c>
      <c r="B45" s="62">
        <v>70</v>
      </c>
      <c r="C45" s="59">
        <v>67</v>
      </c>
      <c r="D45" s="63">
        <v>137</v>
      </c>
      <c r="E45" s="62">
        <v>105</v>
      </c>
      <c r="F45" s="59">
        <v>135</v>
      </c>
      <c r="G45" s="63">
        <v>240</v>
      </c>
      <c r="H45" s="59">
        <v>284</v>
      </c>
      <c r="I45" s="59">
        <v>301</v>
      </c>
      <c r="J45" s="60">
        <v>585</v>
      </c>
      <c r="K45" s="62">
        <v>1</v>
      </c>
      <c r="L45" s="59">
        <v>0</v>
      </c>
      <c r="M45" s="65">
        <v>1</v>
      </c>
    </row>
    <row r="46" spans="1:13" x14ac:dyDescent="0.2">
      <c r="A46" s="11" t="s">
        <v>50</v>
      </c>
      <c r="B46" s="62">
        <v>87</v>
      </c>
      <c r="C46" s="59">
        <v>65</v>
      </c>
      <c r="D46" s="63">
        <v>152</v>
      </c>
      <c r="E46" s="62">
        <v>202</v>
      </c>
      <c r="F46" s="59">
        <v>182</v>
      </c>
      <c r="G46" s="63">
        <v>384</v>
      </c>
      <c r="H46" s="59">
        <v>353</v>
      </c>
      <c r="I46" s="59">
        <v>356</v>
      </c>
      <c r="J46" s="60">
        <v>709</v>
      </c>
      <c r="K46" s="62">
        <v>2</v>
      </c>
      <c r="L46" s="59">
        <v>0</v>
      </c>
      <c r="M46" s="65">
        <v>2</v>
      </c>
    </row>
    <row r="47" spans="1:13" x14ac:dyDescent="0.2">
      <c r="A47" s="11" t="s">
        <v>49</v>
      </c>
      <c r="B47" s="62">
        <v>54</v>
      </c>
      <c r="C47" s="59">
        <v>38</v>
      </c>
      <c r="D47" s="63">
        <v>92</v>
      </c>
      <c r="E47" s="62">
        <v>188</v>
      </c>
      <c r="F47" s="59">
        <v>189</v>
      </c>
      <c r="G47" s="63">
        <v>377</v>
      </c>
      <c r="H47" s="59">
        <v>290</v>
      </c>
      <c r="I47" s="59">
        <v>277</v>
      </c>
      <c r="J47" s="60">
        <v>567</v>
      </c>
      <c r="K47" s="62">
        <v>3</v>
      </c>
      <c r="L47" s="59">
        <v>1</v>
      </c>
      <c r="M47" s="65">
        <v>4</v>
      </c>
    </row>
    <row r="48" spans="1:13" x14ac:dyDescent="0.2">
      <c r="A48" s="11" t="s">
        <v>48</v>
      </c>
      <c r="B48" s="62">
        <v>31</v>
      </c>
      <c r="C48" s="59">
        <v>18</v>
      </c>
      <c r="D48" s="63">
        <v>49</v>
      </c>
      <c r="E48" s="62">
        <v>148</v>
      </c>
      <c r="F48" s="59">
        <v>131</v>
      </c>
      <c r="G48" s="63">
        <v>279</v>
      </c>
      <c r="H48" s="59">
        <v>228</v>
      </c>
      <c r="I48" s="59">
        <v>193</v>
      </c>
      <c r="J48" s="60">
        <v>421</v>
      </c>
      <c r="K48" s="62">
        <v>6</v>
      </c>
      <c r="L48" s="59">
        <v>3</v>
      </c>
      <c r="M48" s="65">
        <v>9</v>
      </c>
    </row>
    <row r="49" spans="1:14" x14ac:dyDescent="0.2">
      <c r="A49" s="11" t="s">
        <v>47</v>
      </c>
      <c r="B49" s="62">
        <v>23</v>
      </c>
      <c r="C49" s="59">
        <v>24</v>
      </c>
      <c r="D49" s="63">
        <v>47</v>
      </c>
      <c r="E49" s="62">
        <v>78</v>
      </c>
      <c r="F49" s="59">
        <v>58</v>
      </c>
      <c r="G49" s="63">
        <v>136</v>
      </c>
      <c r="H49" s="59">
        <v>132</v>
      </c>
      <c r="I49" s="59">
        <v>127</v>
      </c>
      <c r="J49" s="60">
        <v>259</v>
      </c>
      <c r="K49" s="62">
        <v>2</v>
      </c>
      <c r="L49" s="59">
        <v>0</v>
      </c>
      <c r="M49" s="65">
        <v>2</v>
      </c>
    </row>
    <row r="50" spans="1:14" x14ac:dyDescent="0.2">
      <c r="A50" s="11"/>
      <c r="B50" s="14"/>
      <c r="C50" s="13"/>
      <c r="D50" s="32"/>
      <c r="E50" s="14"/>
      <c r="F50" s="13"/>
      <c r="G50" s="32"/>
      <c r="H50" s="57"/>
      <c r="I50" s="13"/>
      <c r="J50" s="58"/>
      <c r="K50" s="14"/>
      <c r="L50" s="13"/>
      <c r="M50" s="12"/>
    </row>
    <row r="51" spans="1:14" ht="36.6" x14ac:dyDescent="0.2">
      <c r="A51" s="15" t="s">
        <v>13</v>
      </c>
      <c r="B51" s="14">
        <v>98</v>
      </c>
      <c r="C51" s="13">
        <v>185</v>
      </c>
      <c r="D51" s="32">
        <v>283</v>
      </c>
      <c r="E51" s="14">
        <v>167</v>
      </c>
      <c r="F51" s="13">
        <v>252</v>
      </c>
      <c r="G51" s="32">
        <v>419</v>
      </c>
      <c r="H51" s="57">
        <v>312</v>
      </c>
      <c r="I51" s="13">
        <v>402</v>
      </c>
      <c r="J51" s="58">
        <v>714</v>
      </c>
      <c r="K51" s="14">
        <v>15</v>
      </c>
      <c r="L51" s="13">
        <v>17</v>
      </c>
      <c r="M51" s="12">
        <v>32</v>
      </c>
    </row>
    <row r="52" spans="1:14" x14ac:dyDescent="0.2">
      <c r="A52" s="11" t="s">
        <v>14</v>
      </c>
      <c r="B52" s="62">
        <v>18</v>
      </c>
      <c r="C52" s="59">
        <v>21</v>
      </c>
      <c r="D52" s="63">
        <v>39</v>
      </c>
      <c r="E52" s="62">
        <v>50</v>
      </c>
      <c r="F52" s="59">
        <v>49</v>
      </c>
      <c r="G52" s="63">
        <v>99</v>
      </c>
      <c r="H52" s="59">
        <v>100</v>
      </c>
      <c r="I52" s="59">
        <v>87</v>
      </c>
      <c r="J52" s="60">
        <v>187</v>
      </c>
      <c r="K52" s="62">
        <v>2</v>
      </c>
      <c r="L52" s="59">
        <v>4</v>
      </c>
      <c r="M52" s="65">
        <v>6</v>
      </c>
    </row>
    <row r="53" spans="1:14" x14ac:dyDescent="0.2">
      <c r="A53" s="11" t="s">
        <v>46</v>
      </c>
      <c r="B53" s="62">
        <v>25</v>
      </c>
      <c r="C53" s="59">
        <v>23</v>
      </c>
      <c r="D53" s="63">
        <v>48</v>
      </c>
      <c r="E53" s="62">
        <v>40</v>
      </c>
      <c r="F53" s="59">
        <v>64</v>
      </c>
      <c r="G53" s="63">
        <v>104</v>
      </c>
      <c r="H53" s="59">
        <v>93</v>
      </c>
      <c r="I53" s="59">
        <v>118</v>
      </c>
      <c r="J53" s="60">
        <v>211</v>
      </c>
      <c r="K53" s="62">
        <v>1</v>
      </c>
      <c r="L53" s="59">
        <v>2</v>
      </c>
      <c r="M53" s="65">
        <v>3</v>
      </c>
    </row>
    <row r="54" spans="1:14" x14ac:dyDescent="0.2">
      <c r="A54" s="11" t="s">
        <v>45</v>
      </c>
      <c r="B54" s="62">
        <v>12</v>
      </c>
      <c r="C54" s="59">
        <v>32</v>
      </c>
      <c r="D54" s="63">
        <v>44</v>
      </c>
      <c r="E54" s="62">
        <v>35</v>
      </c>
      <c r="F54" s="59">
        <v>45</v>
      </c>
      <c r="G54" s="63">
        <v>80</v>
      </c>
      <c r="H54" s="59">
        <v>47</v>
      </c>
      <c r="I54" s="59">
        <v>62</v>
      </c>
      <c r="J54" s="60">
        <v>109</v>
      </c>
      <c r="K54" s="62">
        <v>5</v>
      </c>
      <c r="L54" s="59">
        <v>5</v>
      </c>
      <c r="M54" s="65">
        <v>10</v>
      </c>
    </row>
    <row r="55" spans="1:14" ht="13.8" thickBot="1" x14ac:dyDescent="0.25">
      <c r="A55" s="7" t="s">
        <v>17</v>
      </c>
      <c r="B55" s="6">
        <v>43</v>
      </c>
      <c r="C55" s="5">
        <v>109</v>
      </c>
      <c r="D55" s="30">
        <v>152</v>
      </c>
      <c r="E55" s="6">
        <v>42</v>
      </c>
      <c r="F55" s="5">
        <v>94</v>
      </c>
      <c r="G55" s="30">
        <v>136</v>
      </c>
      <c r="H55" s="5">
        <v>72</v>
      </c>
      <c r="I55" s="5">
        <v>135</v>
      </c>
      <c r="J55" s="61">
        <v>207</v>
      </c>
      <c r="K55" s="6">
        <v>7</v>
      </c>
      <c r="L55" s="5">
        <v>6</v>
      </c>
      <c r="M55" s="4">
        <v>13</v>
      </c>
    </row>
    <row r="56" spans="1:14" x14ac:dyDescent="0.2">
      <c r="A56" s="40"/>
      <c r="B56" s="39"/>
      <c r="C56" s="39"/>
      <c r="D56" s="39"/>
      <c r="E56" s="39"/>
      <c r="F56" s="39"/>
      <c r="G56" s="39"/>
      <c r="H56" s="39"/>
      <c r="I56" s="39"/>
      <c r="J56" s="39"/>
      <c r="K56" s="39"/>
      <c r="L56" s="39"/>
      <c r="M56" s="39"/>
      <c r="N56" s="38"/>
    </row>
    <row r="57" spans="1:14" ht="19.2" x14ac:dyDescent="0.25">
      <c r="A57" s="37" t="s">
        <v>31</v>
      </c>
      <c r="B57" s="3"/>
      <c r="C57" s="3"/>
      <c r="D57" s="3"/>
      <c r="E57" s="3"/>
      <c r="F57" s="3"/>
      <c r="G57" s="3"/>
      <c r="H57" s="3"/>
      <c r="I57" s="3"/>
      <c r="J57" s="3"/>
      <c r="K57" s="3"/>
      <c r="L57" s="3"/>
      <c r="M57" s="3"/>
    </row>
    <row r="58" spans="1:14" ht="13.8" thickBot="1" x14ac:dyDescent="0.25">
      <c r="A58" s="36"/>
      <c r="B58" s="35"/>
      <c r="C58" s="35"/>
      <c r="D58" s="35"/>
      <c r="E58" s="35"/>
      <c r="F58" s="35"/>
      <c r="G58" s="35"/>
      <c r="H58" s="35"/>
      <c r="I58" s="35"/>
      <c r="J58" s="35"/>
      <c r="K58" s="35"/>
      <c r="L58" s="35"/>
      <c r="M58" s="35"/>
    </row>
    <row r="59" spans="1:14" x14ac:dyDescent="0.2">
      <c r="A59" s="26" t="s">
        <v>20</v>
      </c>
      <c r="B59" s="77" t="s">
        <v>30</v>
      </c>
      <c r="C59" s="78"/>
      <c r="D59" s="79"/>
      <c r="E59" s="77" t="s">
        <v>27</v>
      </c>
      <c r="F59" s="78"/>
      <c r="G59" s="79"/>
      <c r="H59" s="80" t="s">
        <v>2</v>
      </c>
      <c r="I59" s="78"/>
      <c r="J59" s="81"/>
      <c r="K59" s="77" t="s">
        <v>28</v>
      </c>
      <c r="L59" s="78"/>
      <c r="M59" s="82"/>
    </row>
    <row r="60" spans="1:14" x14ac:dyDescent="0.2">
      <c r="A60" s="25" t="s">
        <v>19</v>
      </c>
      <c r="B60" s="23" t="s">
        <v>0</v>
      </c>
      <c r="C60" s="22" t="s">
        <v>1</v>
      </c>
      <c r="D60" s="34" t="s">
        <v>37</v>
      </c>
      <c r="E60" s="23" t="s">
        <v>0</v>
      </c>
      <c r="F60" s="22" t="s">
        <v>1</v>
      </c>
      <c r="G60" s="34" t="s">
        <v>37</v>
      </c>
      <c r="H60" s="33" t="s">
        <v>0</v>
      </c>
      <c r="I60" s="22" t="s">
        <v>1</v>
      </c>
      <c r="J60" s="24" t="s">
        <v>37</v>
      </c>
      <c r="K60" s="23" t="s">
        <v>0</v>
      </c>
      <c r="L60" s="22" t="s">
        <v>1</v>
      </c>
      <c r="M60" s="21" t="s">
        <v>37</v>
      </c>
    </row>
    <row r="61" spans="1:14" x14ac:dyDescent="0.2">
      <c r="A61" s="11" t="s">
        <v>18</v>
      </c>
      <c r="B61" s="50">
        <v>715</v>
      </c>
      <c r="C61" s="51">
        <v>779</v>
      </c>
      <c r="D61" s="52">
        <v>1494</v>
      </c>
      <c r="E61" s="50">
        <v>150</v>
      </c>
      <c r="F61" s="51">
        <v>143</v>
      </c>
      <c r="G61" s="52">
        <v>293</v>
      </c>
      <c r="H61" s="55">
        <v>93</v>
      </c>
      <c r="I61" s="51">
        <v>81</v>
      </c>
      <c r="J61" s="56">
        <v>174</v>
      </c>
      <c r="K61" s="50">
        <v>732</v>
      </c>
      <c r="L61" s="51">
        <v>726</v>
      </c>
      <c r="M61" s="64">
        <v>1458</v>
      </c>
    </row>
    <row r="62" spans="1:14" x14ac:dyDescent="0.2">
      <c r="A62" s="11"/>
      <c r="B62" s="14"/>
      <c r="C62" s="13"/>
      <c r="D62" s="32"/>
      <c r="E62" s="14"/>
      <c r="F62" s="13"/>
      <c r="G62" s="32"/>
      <c r="H62" s="57"/>
      <c r="I62" s="13"/>
      <c r="J62" s="58"/>
      <c r="K62" s="14"/>
      <c r="L62" s="13"/>
      <c r="M62" s="12"/>
    </row>
    <row r="63" spans="1:14" ht="24.6" x14ac:dyDescent="0.2">
      <c r="A63" s="15" t="s">
        <v>33</v>
      </c>
      <c r="B63" s="14">
        <v>52</v>
      </c>
      <c r="C63" s="13">
        <v>48</v>
      </c>
      <c r="D63" s="32">
        <v>100</v>
      </c>
      <c r="E63" s="14">
        <v>4</v>
      </c>
      <c r="F63" s="13">
        <v>3</v>
      </c>
      <c r="G63" s="32">
        <v>7</v>
      </c>
      <c r="H63" s="57">
        <v>7</v>
      </c>
      <c r="I63" s="13">
        <v>3</v>
      </c>
      <c r="J63" s="58">
        <v>10</v>
      </c>
      <c r="K63" s="14">
        <v>43</v>
      </c>
      <c r="L63" s="13">
        <v>40</v>
      </c>
      <c r="M63" s="12">
        <v>83</v>
      </c>
    </row>
    <row r="64" spans="1:14" x14ac:dyDescent="0.2">
      <c r="A64" s="11" t="s">
        <v>4</v>
      </c>
      <c r="B64" s="62">
        <v>5</v>
      </c>
      <c r="C64" s="59">
        <v>8</v>
      </c>
      <c r="D64" s="63">
        <v>13</v>
      </c>
      <c r="E64" s="62">
        <v>1</v>
      </c>
      <c r="F64" s="59">
        <v>2</v>
      </c>
      <c r="G64" s="63">
        <v>3</v>
      </c>
      <c r="H64" s="59">
        <v>1</v>
      </c>
      <c r="I64" s="59">
        <v>1</v>
      </c>
      <c r="J64" s="60">
        <v>2</v>
      </c>
      <c r="K64" s="62">
        <v>9</v>
      </c>
      <c r="L64" s="59">
        <v>9</v>
      </c>
      <c r="M64" s="65">
        <v>18</v>
      </c>
    </row>
    <row r="65" spans="1:13" x14ac:dyDescent="0.2">
      <c r="A65" s="11" t="s">
        <v>44</v>
      </c>
      <c r="B65" s="62">
        <v>21</v>
      </c>
      <c r="C65" s="59">
        <v>18</v>
      </c>
      <c r="D65" s="63">
        <v>39</v>
      </c>
      <c r="E65" s="62">
        <v>3</v>
      </c>
      <c r="F65" s="59">
        <v>0</v>
      </c>
      <c r="G65" s="63">
        <v>3</v>
      </c>
      <c r="H65" s="59">
        <v>5</v>
      </c>
      <c r="I65" s="59">
        <v>2</v>
      </c>
      <c r="J65" s="60">
        <v>7</v>
      </c>
      <c r="K65" s="62">
        <v>16</v>
      </c>
      <c r="L65" s="59">
        <v>18</v>
      </c>
      <c r="M65" s="65">
        <v>34</v>
      </c>
    </row>
    <row r="66" spans="1:13" x14ac:dyDescent="0.2">
      <c r="A66" s="11" t="s">
        <v>3</v>
      </c>
      <c r="B66" s="62">
        <v>26</v>
      </c>
      <c r="C66" s="59">
        <v>22</v>
      </c>
      <c r="D66" s="63">
        <v>48</v>
      </c>
      <c r="E66" s="62">
        <v>0</v>
      </c>
      <c r="F66" s="59">
        <v>1</v>
      </c>
      <c r="G66" s="63">
        <v>1</v>
      </c>
      <c r="H66" s="59">
        <v>1</v>
      </c>
      <c r="I66" s="59">
        <v>0</v>
      </c>
      <c r="J66" s="60">
        <v>1</v>
      </c>
      <c r="K66" s="62">
        <v>18</v>
      </c>
      <c r="L66" s="59">
        <v>13</v>
      </c>
      <c r="M66" s="65">
        <v>31</v>
      </c>
    </row>
    <row r="67" spans="1:13" x14ac:dyDescent="0.2">
      <c r="A67" s="11"/>
      <c r="B67" s="14"/>
      <c r="C67" s="13"/>
      <c r="D67" s="32"/>
      <c r="E67" s="14"/>
      <c r="F67" s="13"/>
      <c r="G67" s="32"/>
      <c r="H67" s="57"/>
      <c r="I67" s="13"/>
      <c r="J67" s="58"/>
      <c r="K67" s="14"/>
      <c r="L67" s="13"/>
      <c r="M67" s="12"/>
    </row>
    <row r="68" spans="1:13" ht="48.6" x14ac:dyDescent="0.2">
      <c r="A68" s="15" t="s">
        <v>5</v>
      </c>
      <c r="B68" s="14">
        <v>369</v>
      </c>
      <c r="C68" s="13">
        <v>344</v>
      </c>
      <c r="D68" s="32">
        <v>713</v>
      </c>
      <c r="E68" s="14">
        <v>74</v>
      </c>
      <c r="F68" s="13">
        <v>56</v>
      </c>
      <c r="G68" s="32">
        <v>130</v>
      </c>
      <c r="H68" s="57">
        <v>46</v>
      </c>
      <c r="I68" s="13">
        <v>35</v>
      </c>
      <c r="J68" s="58">
        <v>81</v>
      </c>
      <c r="K68" s="14">
        <v>396</v>
      </c>
      <c r="L68" s="13">
        <v>357</v>
      </c>
      <c r="M68" s="12">
        <v>753</v>
      </c>
    </row>
    <row r="69" spans="1:13" x14ac:dyDescent="0.2">
      <c r="A69" s="11" t="s">
        <v>6</v>
      </c>
      <c r="B69" s="62">
        <v>30</v>
      </c>
      <c r="C69" s="59">
        <v>27</v>
      </c>
      <c r="D69" s="63">
        <v>57</v>
      </c>
      <c r="E69" s="62">
        <v>1</v>
      </c>
      <c r="F69" s="59">
        <v>4</v>
      </c>
      <c r="G69" s="63">
        <v>5</v>
      </c>
      <c r="H69" s="59">
        <v>3</v>
      </c>
      <c r="I69" s="59">
        <v>4</v>
      </c>
      <c r="J69" s="60">
        <v>7</v>
      </c>
      <c r="K69" s="62">
        <v>18</v>
      </c>
      <c r="L69" s="59">
        <v>25</v>
      </c>
      <c r="M69" s="65">
        <v>43</v>
      </c>
    </row>
    <row r="70" spans="1:13" x14ac:dyDescent="0.2">
      <c r="A70" s="11" t="s">
        <v>7</v>
      </c>
      <c r="B70" s="62">
        <v>24</v>
      </c>
      <c r="C70" s="59">
        <v>22</v>
      </c>
      <c r="D70" s="63">
        <v>46</v>
      </c>
      <c r="E70" s="62">
        <v>2</v>
      </c>
      <c r="F70" s="59">
        <v>3</v>
      </c>
      <c r="G70" s="63">
        <v>5</v>
      </c>
      <c r="H70" s="59">
        <v>3</v>
      </c>
      <c r="I70" s="59">
        <v>3</v>
      </c>
      <c r="J70" s="60">
        <v>6</v>
      </c>
      <c r="K70" s="62">
        <v>14</v>
      </c>
      <c r="L70" s="59">
        <v>21</v>
      </c>
      <c r="M70" s="65">
        <v>35</v>
      </c>
    </row>
    <row r="71" spans="1:13" x14ac:dyDescent="0.2">
      <c r="A71" s="11" t="s">
        <v>8</v>
      </c>
      <c r="B71" s="62">
        <v>15</v>
      </c>
      <c r="C71" s="59">
        <v>9</v>
      </c>
      <c r="D71" s="63">
        <v>24</v>
      </c>
      <c r="E71" s="62">
        <v>4</v>
      </c>
      <c r="F71" s="59">
        <v>1</v>
      </c>
      <c r="G71" s="63">
        <v>5</v>
      </c>
      <c r="H71" s="59">
        <v>1</v>
      </c>
      <c r="I71" s="59">
        <v>1</v>
      </c>
      <c r="J71" s="60">
        <v>2</v>
      </c>
      <c r="K71" s="62">
        <v>19</v>
      </c>
      <c r="L71" s="59">
        <v>13</v>
      </c>
      <c r="M71" s="65">
        <v>32</v>
      </c>
    </row>
    <row r="72" spans="1:13" x14ac:dyDescent="0.2">
      <c r="A72" s="11" t="s">
        <v>43</v>
      </c>
      <c r="B72" s="62">
        <v>23</v>
      </c>
      <c r="C72" s="59">
        <v>14</v>
      </c>
      <c r="D72" s="63">
        <v>37</v>
      </c>
      <c r="E72" s="62">
        <v>3</v>
      </c>
      <c r="F72" s="59">
        <v>3</v>
      </c>
      <c r="G72" s="63">
        <v>6</v>
      </c>
      <c r="H72" s="59">
        <v>2</v>
      </c>
      <c r="I72" s="59">
        <v>3</v>
      </c>
      <c r="J72" s="60">
        <v>5</v>
      </c>
      <c r="K72" s="62">
        <v>24</v>
      </c>
      <c r="L72" s="59">
        <v>16</v>
      </c>
      <c r="M72" s="65">
        <v>40</v>
      </c>
    </row>
    <row r="73" spans="1:13" x14ac:dyDescent="0.2">
      <c r="A73" s="11" t="s">
        <v>9</v>
      </c>
      <c r="B73" s="62">
        <v>30</v>
      </c>
      <c r="C73" s="59">
        <v>28</v>
      </c>
      <c r="D73" s="63">
        <v>58</v>
      </c>
      <c r="E73" s="62">
        <v>2</v>
      </c>
      <c r="F73" s="59">
        <v>4</v>
      </c>
      <c r="G73" s="63">
        <v>6</v>
      </c>
      <c r="H73" s="59">
        <v>7</v>
      </c>
      <c r="I73" s="59">
        <v>4</v>
      </c>
      <c r="J73" s="60">
        <v>11</v>
      </c>
      <c r="K73" s="62">
        <v>34</v>
      </c>
      <c r="L73" s="59">
        <v>23</v>
      </c>
      <c r="M73" s="65">
        <v>57</v>
      </c>
    </row>
    <row r="74" spans="1:13" x14ac:dyDescent="0.2">
      <c r="A74" s="11" t="s">
        <v>42</v>
      </c>
      <c r="B74" s="62">
        <v>35</v>
      </c>
      <c r="C74" s="59">
        <v>36</v>
      </c>
      <c r="D74" s="63">
        <v>71</v>
      </c>
      <c r="E74" s="62">
        <v>6</v>
      </c>
      <c r="F74" s="59">
        <v>4</v>
      </c>
      <c r="G74" s="63">
        <v>10</v>
      </c>
      <c r="H74" s="59">
        <v>6</v>
      </c>
      <c r="I74" s="59">
        <v>4</v>
      </c>
      <c r="J74" s="60">
        <v>10</v>
      </c>
      <c r="K74" s="62">
        <v>33</v>
      </c>
      <c r="L74" s="59">
        <v>27</v>
      </c>
      <c r="M74" s="65">
        <v>60</v>
      </c>
    </row>
    <row r="75" spans="1:13" x14ac:dyDescent="0.2">
      <c r="A75" s="11" t="s">
        <v>10</v>
      </c>
      <c r="B75" s="62">
        <v>56</v>
      </c>
      <c r="C75" s="59">
        <v>69</v>
      </c>
      <c r="D75" s="63">
        <v>125</v>
      </c>
      <c r="E75" s="62">
        <v>14</v>
      </c>
      <c r="F75" s="59">
        <v>8</v>
      </c>
      <c r="G75" s="63">
        <v>22</v>
      </c>
      <c r="H75" s="59">
        <v>5</v>
      </c>
      <c r="I75" s="59">
        <v>1</v>
      </c>
      <c r="J75" s="60">
        <v>6</v>
      </c>
      <c r="K75" s="62">
        <v>48</v>
      </c>
      <c r="L75" s="59">
        <v>40</v>
      </c>
      <c r="M75" s="65">
        <v>88</v>
      </c>
    </row>
    <row r="76" spans="1:13" x14ac:dyDescent="0.2">
      <c r="A76" s="11" t="s">
        <v>11</v>
      </c>
      <c r="B76" s="62">
        <v>51</v>
      </c>
      <c r="C76" s="59">
        <v>40</v>
      </c>
      <c r="D76" s="63">
        <v>91</v>
      </c>
      <c r="E76" s="62">
        <v>19</v>
      </c>
      <c r="F76" s="59">
        <v>10</v>
      </c>
      <c r="G76" s="63">
        <v>29</v>
      </c>
      <c r="H76" s="59">
        <v>5</v>
      </c>
      <c r="I76" s="59">
        <v>2</v>
      </c>
      <c r="J76" s="60">
        <v>7</v>
      </c>
      <c r="K76" s="62">
        <v>59</v>
      </c>
      <c r="L76" s="59">
        <v>47</v>
      </c>
      <c r="M76" s="65">
        <v>106</v>
      </c>
    </row>
    <row r="77" spans="1:13" x14ac:dyDescent="0.2">
      <c r="A77" s="11" t="s">
        <v>12</v>
      </c>
      <c r="B77" s="62">
        <v>61</v>
      </c>
      <c r="C77" s="59">
        <v>58</v>
      </c>
      <c r="D77" s="63">
        <v>119</v>
      </c>
      <c r="E77" s="62">
        <v>11</v>
      </c>
      <c r="F77" s="59">
        <v>10</v>
      </c>
      <c r="G77" s="63">
        <v>21</v>
      </c>
      <c r="H77" s="59">
        <v>7</v>
      </c>
      <c r="I77" s="59">
        <v>6</v>
      </c>
      <c r="J77" s="60">
        <v>13</v>
      </c>
      <c r="K77" s="62">
        <v>75</v>
      </c>
      <c r="L77" s="59">
        <v>68</v>
      </c>
      <c r="M77" s="65">
        <v>143</v>
      </c>
    </row>
    <row r="78" spans="1:13" x14ac:dyDescent="0.2">
      <c r="A78" s="11" t="s">
        <v>41</v>
      </c>
      <c r="B78" s="62">
        <v>44</v>
      </c>
      <c r="C78" s="59">
        <v>41</v>
      </c>
      <c r="D78" s="63">
        <v>85</v>
      </c>
      <c r="E78" s="62">
        <v>12</v>
      </c>
      <c r="F78" s="59">
        <v>9</v>
      </c>
      <c r="G78" s="63">
        <v>21</v>
      </c>
      <c r="H78" s="59">
        <v>7</v>
      </c>
      <c r="I78" s="59">
        <v>7</v>
      </c>
      <c r="J78" s="60">
        <v>14</v>
      </c>
      <c r="K78" s="62">
        <v>72</v>
      </c>
      <c r="L78" s="59">
        <v>77</v>
      </c>
      <c r="M78" s="65">
        <v>149</v>
      </c>
    </row>
    <row r="79" spans="1:13" x14ac:dyDescent="0.2">
      <c r="A79" s="11"/>
      <c r="B79" s="14"/>
      <c r="C79" s="13"/>
      <c r="D79" s="32"/>
      <c r="E79" s="14"/>
      <c r="F79" s="13"/>
      <c r="G79" s="32"/>
      <c r="H79" s="57"/>
      <c r="I79" s="13"/>
      <c r="J79" s="58"/>
      <c r="K79" s="14"/>
      <c r="L79" s="13"/>
      <c r="M79" s="12"/>
    </row>
    <row r="80" spans="1:13" ht="36.6" x14ac:dyDescent="0.2">
      <c r="A80" s="15" t="s">
        <v>13</v>
      </c>
      <c r="B80" s="14">
        <v>294</v>
      </c>
      <c r="C80" s="13">
        <v>387</v>
      </c>
      <c r="D80" s="32">
        <v>681</v>
      </c>
      <c r="E80" s="14">
        <v>72</v>
      </c>
      <c r="F80" s="13">
        <v>84</v>
      </c>
      <c r="G80" s="32">
        <v>156</v>
      </c>
      <c r="H80" s="57">
        <v>40</v>
      </c>
      <c r="I80" s="13">
        <v>43</v>
      </c>
      <c r="J80" s="58">
        <v>83</v>
      </c>
      <c r="K80" s="14">
        <v>293</v>
      </c>
      <c r="L80" s="13">
        <v>329</v>
      </c>
      <c r="M80" s="12">
        <v>622</v>
      </c>
    </row>
    <row r="81" spans="1:13" x14ac:dyDescent="0.2">
      <c r="A81" s="11" t="s">
        <v>14</v>
      </c>
      <c r="B81" s="62">
        <v>59</v>
      </c>
      <c r="C81" s="59">
        <v>71</v>
      </c>
      <c r="D81" s="63">
        <v>130</v>
      </c>
      <c r="E81" s="62">
        <v>15</v>
      </c>
      <c r="F81" s="59">
        <v>11</v>
      </c>
      <c r="G81" s="63">
        <v>26</v>
      </c>
      <c r="H81" s="59">
        <v>10</v>
      </c>
      <c r="I81" s="59">
        <v>8</v>
      </c>
      <c r="J81" s="60">
        <v>18</v>
      </c>
      <c r="K81" s="62">
        <v>89</v>
      </c>
      <c r="L81" s="59">
        <v>54</v>
      </c>
      <c r="M81" s="65">
        <v>143</v>
      </c>
    </row>
    <row r="82" spans="1:13" x14ac:dyDescent="0.2">
      <c r="A82" s="11" t="s">
        <v>15</v>
      </c>
      <c r="B82" s="62">
        <v>96</v>
      </c>
      <c r="C82" s="59">
        <v>99</v>
      </c>
      <c r="D82" s="63">
        <v>195</v>
      </c>
      <c r="E82" s="62">
        <v>21</v>
      </c>
      <c r="F82" s="59">
        <v>19</v>
      </c>
      <c r="G82" s="63">
        <v>40</v>
      </c>
      <c r="H82" s="59">
        <v>13</v>
      </c>
      <c r="I82" s="59">
        <v>10</v>
      </c>
      <c r="J82" s="60">
        <v>23</v>
      </c>
      <c r="K82" s="62">
        <v>87</v>
      </c>
      <c r="L82" s="59">
        <v>79</v>
      </c>
      <c r="M82" s="65">
        <v>166</v>
      </c>
    </row>
    <row r="83" spans="1:13" x14ac:dyDescent="0.2">
      <c r="A83" s="11" t="s">
        <v>16</v>
      </c>
      <c r="B83" s="62">
        <v>64</v>
      </c>
      <c r="C83" s="59">
        <v>88</v>
      </c>
      <c r="D83" s="63">
        <v>152</v>
      </c>
      <c r="E83" s="62">
        <v>10</v>
      </c>
      <c r="F83" s="59">
        <v>17</v>
      </c>
      <c r="G83" s="63">
        <v>27</v>
      </c>
      <c r="H83" s="59">
        <v>5</v>
      </c>
      <c r="I83" s="59">
        <v>7</v>
      </c>
      <c r="J83" s="60">
        <v>12</v>
      </c>
      <c r="K83" s="62">
        <v>48</v>
      </c>
      <c r="L83" s="59">
        <v>53</v>
      </c>
      <c r="M83" s="65">
        <v>101</v>
      </c>
    </row>
    <row r="84" spans="1:13" ht="13.8" thickBot="1" x14ac:dyDescent="0.25">
      <c r="A84" s="7" t="s">
        <v>17</v>
      </c>
      <c r="B84" s="6">
        <v>75</v>
      </c>
      <c r="C84" s="5">
        <v>129</v>
      </c>
      <c r="D84" s="30">
        <v>204</v>
      </c>
      <c r="E84" s="6">
        <v>26</v>
      </c>
      <c r="F84" s="5">
        <v>37</v>
      </c>
      <c r="G84" s="30">
        <v>63</v>
      </c>
      <c r="H84" s="5">
        <v>12</v>
      </c>
      <c r="I84" s="5">
        <v>18</v>
      </c>
      <c r="J84" s="61">
        <v>30</v>
      </c>
      <c r="K84" s="6">
        <v>69</v>
      </c>
      <c r="L84" s="5">
        <v>143</v>
      </c>
      <c r="M84" s="4">
        <v>212</v>
      </c>
    </row>
    <row r="85" spans="1:13" ht="13.8" thickBot="1" x14ac:dyDescent="0.25">
      <c r="A85" s="29"/>
      <c r="B85" s="28"/>
      <c r="C85" s="28"/>
      <c r="D85" s="28"/>
      <c r="E85" s="28"/>
      <c r="F85" s="28"/>
      <c r="G85" s="28"/>
      <c r="H85" s="27"/>
      <c r="I85" s="27"/>
      <c r="J85" s="27"/>
      <c r="K85" s="27"/>
      <c r="L85" s="27"/>
      <c r="M85" s="27"/>
    </row>
    <row r="86" spans="1:13" x14ac:dyDescent="0.2">
      <c r="A86" s="26" t="s">
        <v>20</v>
      </c>
      <c r="B86" s="74" t="s">
        <v>22</v>
      </c>
      <c r="C86" s="74"/>
      <c r="D86" s="74"/>
      <c r="E86" s="74" t="s">
        <v>23</v>
      </c>
      <c r="F86" s="74"/>
      <c r="G86" s="75"/>
      <c r="H86" s="76"/>
      <c r="I86" s="76"/>
      <c r="J86" s="76"/>
      <c r="K86" s="76"/>
      <c r="L86" s="76"/>
      <c r="M86" s="76"/>
    </row>
    <row r="87" spans="1:13" x14ac:dyDescent="0.2">
      <c r="A87" s="25" t="s">
        <v>19</v>
      </c>
      <c r="B87" s="23" t="s">
        <v>0</v>
      </c>
      <c r="C87" s="22" t="s">
        <v>1</v>
      </c>
      <c r="D87" s="34" t="s">
        <v>37</v>
      </c>
      <c r="E87" s="23" t="s">
        <v>0</v>
      </c>
      <c r="F87" s="22" t="s">
        <v>1</v>
      </c>
      <c r="G87" s="21" t="s">
        <v>37</v>
      </c>
      <c r="H87" s="20"/>
      <c r="I87" s="20"/>
      <c r="J87" s="20"/>
      <c r="K87" s="20"/>
      <c r="L87" s="20"/>
      <c r="M87" s="20"/>
    </row>
    <row r="88" spans="1:13" x14ac:dyDescent="0.2">
      <c r="A88" s="11" t="s">
        <v>34</v>
      </c>
      <c r="B88" s="19">
        <v>829</v>
      </c>
      <c r="C88" s="18">
        <v>811</v>
      </c>
      <c r="D88" s="49">
        <v>1640</v>
      </c>
      <c r="E88" s="19">
        <v>514</v>
      </c>
      <c r="F88" s="18">
        <v>600</v>
      </c>
      <c r="G88" s="17">
        <v>1114</v>
      </c>
      <c r="H88" s="16"/>
      <c r="I88" s="16"/>
      <c r="J88" s="16"/>
      <c r="K88" s="16"/>
      <c r="L88" s="16"/>
      <c r="M88" s="16"/>
    </row>
    <row r="89" spans="1:13" x14ac:dyDescent="0.2">
      <c r="A89" s="11"/>
      <c r="B89" s="14"/>
      <c r="C89" s="13"/>
      <c r="D89" s="32"/>
      <c r="E89" s="14"/>
      <c r="F89" s="13"/>
      <c r="G89" s="12"/>
      <c r="H89" s="3"/>
      <c r="I89" s="3"/>
      <c r="J89" s="3"/>
      <c r="K89" s="3"/>
      <c r="L89" s="3"/>
      <c r="M89" s="3"/>
    </row>
    <row r="90" spans="1:13" ht="24.6" x14ac:dyDescent="0.2">
      <c r="A90" s="15" t="s">
        <v>33</v>
      </c>
      <c r="B90" s="14">
        <v>38</v>
      </c>
      <c r="C90" s="13">
        <v>54</v>
      </c>
      <c r="D90" s="32">
        <v>92</v>
      </c>
      <c r="E90" s="14">
        <v>34</v>
      </c>
      <c r="F90" s="13">
        <v>29</v>
      </c>
      <c r="G90" s="12">
        <v>63</v>
      </c>
      <c r="H90" s="3"/>
      <c r="I90" s="3"/>
      <c r="J90" s="3"/>
      <c r="K90" s="3"/>
      <c r="L90" s="3"/>
      <c r="M90" s="3"/>
    </row>
    <row r="91" spans="1:13" x14ac:dyDescent="0.2">
      <c r="A91" s="11" t="s">
        <v>4</v>
      </c>
      <c r="B91" s="10">
        <v>22</v>
      </c>
      <c r="C91" s="9">
        <v>17</v>
      </c>
      <c r="D91" s="31">
        <v>39</v>
      </c>
      <c r="E91" s="10">
        <v>9</v>
      </c>
      <c r="F91" s="9">
        <v>6</v>
      </c>
      <c r="G91" s="8">
        <v>15</v>
      </c>
      <c r="H91" s="3"/>
      <c r="I91" s="3"/>
      <c r="J91" s="3"/>
      <c r="K91" s="3"/>
      <c r="L91" s="3"/>
      <c r="M91" s="3"/>
    </row>
    <row r="92" spans="1:13" x14ac:dyDescent="0.2">
      <c r="A92" s="11" t="s">
        <v>44</v>
      </c>
      <c r="B92" s="10">
        <v>10</v>
      </c>
      <c r="C92" s="9">
        <v>18</v>
      </c>
      <c r="D92" s="31">
        <v>28</v>
      </c>
      <c r="E92" s="10">
        <v>15</v>
      </c>
      <c r="F92" s="9">
        <v>10</v>
      </c>
      <c r="G92" s="8">
        <v>25</v>
      </c>
      <c r="H92" s="3"/>
      <c r="I92" s="3"/>
      <c r="J92" s="3"/>
      <c r="K92" s="3"/>
      <c r="L92" s="3"/>
      <c r="M92" s="3"/>
    </row>
    <row r="93" spans="1:13" x14ac:dyDescent="0.2">
      <c r="A93" s="11" t="s">
        <v>3</v>
      </c>
      <c r="B93" s="10">
        <v>6</v>
      </c>
      <c r="C93" s="9">
        <v>19</v>
      </c>
      <c r="D93" s="31">
        <v>25</v>
      </c>
      <c r="E93" s="10">
        <v>10</v>
      </c>
      <c r="F93" s="9">
        <v>13</v>
      </c>
      <c r="G93" s="8">
        <v>23</v>
      </c>
      <c r="H93" s="3"/>
      <c r="I93" s="3"/>
      <c r="J93" s="3"/>
      <c r="K93" s="3"/>
      <c r="L93" s="3"/>
      <c r="M93" s="3"/>
    </row>
    <row r="94" spans="1:13" x14ac:dyDescent="0.2">
      <c r="A94" s="11"/>
      <c r="B94" s="14"/>
      <c r="C94" s="13"/>
      <c r="D94" s="32"/>
      <c r="E94" s="14"/>
      <c r="F94" s="13"/>
      <c r="G94" s="12"/>
      <c r="H94" s="3"/>
      <c r="I94" s="3"/>
      <c r="J94" s="3"/>
      <c r="K94" s="3"/>
      <c r="L94" s="3"/>
      <c r="M94" s="3"/>
    </row>
    <row r="95" spans="1:13" ht="48.6" x14ac:dyDescent="0.2">
      <c r="A95" s="15" t="s">
        <v>5</v>
      </c>
      <c r="B95" s="14">
        <v>426</v>
      </c>
      <c r="C95" s="13">
        <v>328</v>
      </c>
      <c r="D95" s="32">
        <v>754</v>
      </c>
      <c r="E95" s="14">
        <v>230</v>
      </c>
      <c r="F95" s="13">
        <v>174</v>
      </c>
      <c r="G95" s="12">
        <v>404</v>
      </c>
      <c r="H95" s="3"/>
      <c r="I95" s="3"/>
      <c r="J95" s="3"/>
      <c r="K95" s="3"/>
      <c r="L95" s="3"/>
      <c r="M95" s="3"/>
    </row>
    <row r="96" spans="1:13" x14ac:dyDescent="0.2">
      <c r="A96" s="11" t="s">
        <v>6</v>
      </c>
      <c r="B96" s="10">
        <v>24</v>
      </c>
      <c r="C96" s="9">
        <v>16</v>
      </c>
      <c r="D96" s="31">
        <v>40</v>
      </c>
      <c r="E96" s="10">
        <v>8</v>
      </c>
      <c r="F96" s="9">
        <v>12</v>
      </c>
      <c r="G96" s="8">
        <v>20</v>
      </c>
      <c r="H96" s="3"/>
      <c r="I96" s="3"/>
      <c r="J96" s="3"/>
      <c r="K96" s="3"/>
      <c r="L96" s="3"/>
      <c r="M96" s="3"/>
    </row>
    <row r="97" spans="1:13" x14ac:dyDescent="0.2">
      <c r="A97" s="11" t="s">
        <v>7</v>
      </c>
      <c r="B97" s="10">
        <v>23</v>
      </c>
      <c r="C97" s="9">
        <v>27</v>
      </c>
      <c r="D97" s="31">
        <v>50</v>
      </c>
      <c r="E97" s="10">
        <v>15</v>
      </c>
      <c r="F97" s="9">
        <v>6</v>
      </c>
      <c r="G97" s="8">
        <v>21</v>
      </c>
      <c r="H97" s="3"/>
      <c r="I97" s="3"/>
      <c r="J97" s="3"/>
      <c r="K97" s="3"/>
      <c r="L97" s="3"/>
      <c r="M97" s="3"/>
    </row>
    <row r="98" spans="1:13" x14ac:dyDescent="0.2">
      <c r="A98" s="11" t="s">
        <v>8</v>
      </c>
      <c r="B98" s="10">
        <v>21</v>
      </c>
      <c r="C98" s="9">
        <v>21</v>
      </c>
      <c r="D98" s="31">
        <v>42</v>
      </c>
      <c r="E98" s="10">
        <v>13</v>
      </c>
      <c r="F98" s="9">
        <v>12</v>
      </c>
      <c r="G98" s="8">
        <v>25</v>
      </c>
      <c r="H98" s="3"/>
      <c r="I98" s="3"/>
      <c r="J98" s="3"/>
      <c r="K98" s="3"/>
      <c r="L98" s="3"/>
      <c r="M98" s="3"/>
    </row>
    <row r="99" spans="1:13" x14ac:dyDescent="0.2">
      <c r="A99" s="11" t="s">
        <v>43</v>
      </c>
      <c r="B99" s="10">
        <v>30</v>
      </c>
      <c r="C99" s="9">
        <v>19</v>
      </c>
      <c r="D99" s="31">
        <v>49</v>
      </c>
      <c r="E99" s="10">
        <v>13</v>
      </c>
      <c r="F99" s="9">
        <v>9</v>
      </c>
      <c r="G99" s="8">
        <v>22</v>
      </c>
      <c r="H99" s="3"/>
      <c r="I99" s="3"/>
      <c r="J99" s="3"/>
      <c r="K99" s="3"/>
      <c r="L99" s="3"/>
      <c r="M99" s="3"/>
    </row>
    <row r="100" spans="1:13" x14ac:dyDescent="0.2">
      <c r="A100" s="11" t="s">
        <v>9</v>
      </c>
      <c r="B100" s="10">
        <v>46</v>
      </c>
      <c r="C100" s="9">
        <v>38</v>
      </c>
      <c r="D100" s="31">
        <v>84</v>
      </c>
      <c r="E100" s="10">
        <v>20</v>
      </c>
      <c r="F100" s="9">
        <v>16</v>
      </c>
      <c r="G100" s="8">
        <v>36</v>
      </c>
      <c r="H100" s="3"/>
      <c r="I100" s="3"/>
      <c r="J100" s="3"/>
      <c r="K100" s="3"/>
      <c r="L100" s="3"/>
      <c r="M100" s="3"/>
    </row>
    <row r="101" spans="1:13" x14ac:dyDescent="0.2">
      <c r="A101" s="11" t="s">
        <v>42</v>
      </c>
      <c r="B101" s="10">
        <v>37</v>
      </c>
      <c r="C101" s="9">
        <v>23</v>
      </c>
      <c r="D101" s="31">
        <v>60</v>
      </c>
      <c r="E101" s="10">
        <v>16</v>
      </c>
      <c r="F101" s="9">
        <v>18</v>
      </c>
      <c r="G101" s="8">
        <v>34</v>
      </c>
      <c r="H101" s="3"/>
      <c r="I101" s="3"/>
      <c r="J101" s="3"/>
      <c r="K101" s="3"/>
      <c r="L101" s="3"/>
      <c r="M101" s="3"/>
    </row>
    <row r="102" spans="1:13" x14ac:dyDescent="0.2">
      <c r="A102" s="11" t="s">
        <v>10</v>
      </c>
      <c r="B102" s="10">
        <v>48</v>
      </c>
      <c r="C102" s="9">
        <v>38</v>
      </c>
      <c r="D102" s="31">
        <v>86</v>
      </c>
      <c r="E102" s="10">
        <v>25</v>
      </c>
      <c r="F102" s="9">
        <v>16</v>
      </c>
      <c r="G102" s="8">
        <v>41</v>
      </c>
      <c r="H102" s="3"/>
      <c r="I102" s="3"/>
      <c r="J102" s="3"/>
      <c r="K102" s="3"/>
      <c r="L102" s="3"/>
      <c r="M102" s="3"/>
    </row>
    <row r="103" spans="1:13" x14ac:dyDescent="0.2">
      <c r="A103" s="11" t="s">
        <v>11</v>
      </c>
      <c r="B103" s="10">
        <v>69</v>
      </c>
      <c r="C103" s="9">
        <v>47</v>
      </c>
      <c r="D103" s="31">
        <v>116</v>
      </c>
      <c r="E103" s="10">
        <v>31</v>
      </c>
      <c r="F103" s="9">
        <v>22</v>
      </c>
      <c r="G103" s="8">
        <v>53</v>
      </c>
      <c r="H103" s="3"/>
      <c r="I103" s="3"/>
      <c r="J103" s="3"/>
      <c r="K103" s="3"/>
      <c r="L103" s="3"/>
      <c r="M103" s="3"/>
    </row>
    <row r="104" spans="1:13" x14ac:dyDescent="0.2">
      <c r="A104" s="11" t="s">
        <v>12</v>
      </c>
      <c r="B104" s="10">
        <v>62</v>
      </c>
      <c r="C104" s="9">
        <v>46</v>
      </c>
      <c r="D104" s="31">
        <v>108</v>
      </c>
      <c r="E104" s="10">
        <v>47</v>
      </c>
      <c r="F104" s="9">
        <v>31</v>
      </c>
      <c r="G104" s="8">
        <v>78</v>
      </c>
      <c r="H104" s="3"/>
      <c r="I104" s="3"/>
      <c r="J104" s="3"/>
      <c r="K104" s="3"/>
      <c r="L104" s="3"/>
      <c r="M104" s="3"/>
    </row>
    <row r="105" spans="1:13" x14ac:dyDescent="0.2">
      <c r="A105" s="11" t="s">
        <v>41</v>
      </c>
      <c r="B105" s="10">
        <v>66</v>
      </c>
      <c r="C105" s="9">
        <v>53</v>
      </c>
      <c r="D105" s="31">
        <v>119</v>
      </c>
      <c r="E105" s="10">
        <v>42</v>
      </c>
      <c r="F105" s="9">
        <v>32</v>
      </c>
      <c r="G105" s="8">
        <v>74</v>
      </c>
      <c r="H105" s="3"/>
      <c r="I105" s="3"/>
      <c r="J105" s="3"/>
      <c r="K105" s="3"/>
      <c r="L105" s="3"/>
      <c r="M105" s="3"/>
    </row>
    <row r="106" spans="1:13" x14ac:dyDescent="0.2">
      <c r="A106" s="11"/>
      <c r="B106" s="14"/>
      <c r="C106" s="13"/>
      <c r="D106" s="32"/>
      <c r="E106" s="14"/>
      <c r="F106" s="13"/>
      <c r="G106" s="12"/>
      <c r="H106" s="3"/>
      <c r="I106" s="3"/>
      <c r="J106" s="3"/>
      <c r="K106" s="3"/>
      <c r="L106" s="3"/>
      <c r="M106" s="3"/>
    </row>
    <row r="107" spans="1:13" ht="36.6" x14ac:dyDescent="0.2">
      <c r="A107" s="15" t="s">
        <v>13</v>
      </c>
      <c r="B107" s="14">
        <v>365</v>
      </c>
      <c r="C107" s="13">
        <v>429</v>
      </c>
      <c r="D107" s="32">
        <v>794</v>
      </c>
      <c r="E107" s="14">
        <v>250</v>
      </c>
      <c r="F107" s="13">
        <v>397</v>
      </c>
      <c r="G107" s="12">
        <v>647</v>
      </c>
      <c r="H107" s="3"/>
      <c r="I107" s="3"/>
      <c r="J107" s="3"/>
      <c r="K107" s="3"/>
      <c r="L107" s="3"/>
      <c r="M107" s="3"/>
    </row>
    <row r="108" spans="1:13" x14ac:dyDescent="0.2">
      <c r="A108" s="11" t="s">
        <v>14</v>
      </c>
      <c r="B108" s="10">
        <v>76</v>
      </c>
      <c r="C108" s="9">
        <v>80</v>
      </c>
      <c r="D108" s="31">
        <v>156</v>
      </c>
      <c r="E108" s="10">
        <v>49</v>
      </c>
      <c r="F108" s="9">
        <v>47</v>
      </c>
      <c r="G108" s="8">
        <v>96</v>
      </c>
      <c r="H108" s="3"/>
      <c r="I108" s="3"/>
      <c r="J108" s="3"/>
      <c r="K108" s="3"/>
      <c r="L108" s="3"/>
      <c r="M108" s="3"/>
    </row>
    <row r="109" spans="1:13" x14ac:dyDescent="0.2">
      <c r="A109" s="11" t="s">
        <v>15</v>
      </c>
      <c r="B109" s="10">
        <v>105</v>
      </c>
      <c r="C109" s="9">
        <v>102</v>
      </c>
      <c r="D109" s="31">
        <v>207</v>
      </c>
      <c r="E109" s="10">
        <v>62</v>
      </c>
      <c r="F109" s="9">
        <v>77</v>
      </c>
      <c r="G109" s="8">
        <v>139</v>
      </c>
      <c r="H109" s="3"/>
      <c r="I109" s="3"/>
      <c r="J109" s="3"/>
      <c r="K109" s="3"/>
      <c r="L109" s="3"/>
      <c r="M109" s="3"/>
    </row>
    <row r="110" spans="1:13" x14ac:dyDescent="0.2">
      <c r="A110" s="11" t="s">
        <v>40</v>
      </c>
      <c r="B110" s="10">
        <v>76</v>
      </c>
      <c r="C110" s="9">
        <v>75</v>
      </c>
      <c r="D110" s="31">
        <v>151</v>
      </c>
      <c r="E110" s="10">
        <v>48</v>
      </c>
      <c r="F110" s="9">
        <v>77</v>
      </c>
      <c r="G110" s="8">
        <v>125</v>
      </c>
      <c r="H110" s="3"/>
      <c r="I110" s="3"/>
      <c r="J110" s="3"/>
      <c r="K110" s="3"/>
      <c r="L110" s="3"/>
      <c r="M110" s="3"/>
    </row>
    <row r="111" spans="1:13" ht="13.8" thickBot="1" x14ac:dyDescent="0.25">
      <c r="A111" s="7" t="s">
        <v>17</v>
      </c>
      <c r="B111" s="6">
        <v>108</v>
      </c>
      <c r="C111" s="5">
        <v>172</v>
      </c>
      <c r="D111" s="30">
        <v>280</v>
      </c>
      <c r="E111" s="6">
        <v>91</v>
      </c>
      <c r="F111" s="5">
        <v>196</v>
      </c>
      <c r="G111" s="4">
        <v>287</v>
      </c>
      <c r="H111" s="3"/>
      <c r="I111" s="3"/>
      <c r="J111" s="3"/>
      <c r="K111" s="3"/>
      <c r="L111" s="3"/>
      <c r="M111" s="3"/>
    </row>
    <row r="112" spans="1:13" x14ac:dyDescent="0.2">
      <c r="C112" s="2"/>
    </row>
  </sheetData>
  <mergeCells count="17">
    <mergeCell ref="B86:D86"/>
    <mergeCell ref="E86:G86"/>
    <mergeCell ref="H86:J86"/>
    <mergeCell ref="K86:M86"/>
    <mergeCell ref="B30:D30"/>
    <mergeCell ref="E30:G30"/>
    <mergeCell ref="H30:J30"/>
    <mergeCell ref="K30:M30"/>
    <mergeCell ref="B59:D59"/>
    <mergeCell ref="E59:G59"/>
    <mergeCell ref="H59:J59"/>
    <mergeCell ref="K59:M59"/>
    <mergeCell ref="H2:M2"/>
    <mergeCell ref="B3:D3"/>
    <mergeCell ref="E3:G3"/>
    <mergeCell ref="H3:J3"/>
    <mergeCell ref="K3:M3"/>
  </mergeCells>
  <phoneticPr fontId="6"/>
  <pageMargins left="0.47244094488188981" right="0.51181102362204722" top="0.59055118110236227" bottom="0.27559055118110237" header="0.35433070866141736" footer="0.23622047244094491"/>
  <pageSetup paperSize="9" scale="90" orientation="portrait" horizontalDpi="300" verticalDpi="300" r:id="rId1"/>
  <headerFooter alignWithMargins="0"/>
  <rowBreaks count="1" manualBreakCount="1">
    <brk id="56" max="12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47277EF4-6818-4700-A7D2-901C56FB8A9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75B2865E-D1B8-4FBC-AB67-7CE87EECF2E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2816CFCD-80F8-4F95-85AD-CF813267DD77}">
  <ds:schemaRefs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７　地区別５歳階級男女別人口</vt:lpstr>
      <vt:lpstr>'７　地区別５歳階級男女別人口'!Print_Area</vt:lpstr>
    </vt:vector>
  </TitlesOfParts>
  <Manager>総務部情報管理課</Manager>
  <Company>石狩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7-12T06:15:47Z</cp:lastPrinted>
  <dcterms:created xsi:type="dcterms:W3CDTF">1997-06-20T00:13:05Z</dcterms:created>
  <dcterms:modified xsi:type="dcterms:W3CDTF">2023-06-13T05:20:54Z</dcterms:modified>
</cp:coreProperties>
</file>